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notesSlides/notesSlide3.xml" ContentType="application/vnd.openxmlformats-officedocument.presentationml.notesSlide+xml"/>
  <Override PartName="/ppt/tags/tag2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7"/>
  </p:sldMasterIdLst>
  <p:notesMasterIdLst>
    <p:notesMasterId r:id="rId25"/>
  </p:notesMasterIdLst>
  <p:sldIdLst>
    <p:sldId id="2142533822" r:id="rId8"/>
    <p:sldId id="259" r:id="rId9"/>
    <p:sldId id="2142534103" r:id="rId10"/>
    <p:sldId id="2142534099" r:id="rId11"/>
    <p:sldId id="2142533760" r:id="rId12"/>
    <p:sldId id="2142533813" r:id="rId13"/>
    <p:sldId id="2142534100" r:id="rId14"/>
    <p:sldId id="2142533814" r:id="rId15"/>
    <p:sldId id="2142533819" r:id="rId16"/>
    <p:sldId id="2142534104" r:id="rId17"/>
    <p:sldId id="2142534105" r:id="rId18"/>
    <p:sldId id="2142533826" r:id="rId19"/>
    <p:sldId id="2142533816" r:id="rId20"/>
    <p:sldId id="2142533827" r:id="rId21"/>
    <p:sldId id="2142533828" r:id="rId22"/>
    <p:sldId id="2142533830" r:id="rId23"/>
    <p:sldId id="2142533829" r:id="rId24"/>
  </p:sldIdLst>
  <p:sldSz cx="12192000" cy="6858000"/>
  <p:notesSz cx="6858000" cy="9144000"/>
  <p:defaultTextStyle>
    <a:defPPr>
      <a:defRPr lang="en-N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8FC5283-994B-9647-B942-D949E115CE51}" v="56" dt="2023-04-14T07:52:15.486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0407"/>
    <p:restoredTop sz="78090"/>
  </p:normalViewPr>
  <p:slideViewPr>
    <p:cSldViewPr snapToGrid="0">
      <p:cViewPr varScale="1">
        <p:scale>
          <a:sx n="103" d="100"/>
          <a:sy n="103" d="100"/>
        </p:scale>
        <p:origin x="168" y="5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1.xml"/><Relationship Id="rId13" Type="http://schemas.openxmlformats.org/officeDocument/2006/relationships/slide" Target="slides/slide6.xml"/><Relationship Id="rId18" Type="http://schemas.openxmlformats.org/officeDocument/2006/relationships/slide" Target="slides/slide11.xml"/><Relationship Id="rId26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slide" Target="slides/slide14.xml"/><Relationship Id="rId7" Type="http://schemas.openxmlformats.org/officeDocument/2006/relationships/slideMaster" Target="slideMasters/slideMaster1.xml"/><Relationship Id="rId12" Type="http://schemas.openxmlformats.org/officeDocument/2006/relationships/slide" Target="slides/slide5.xml"/><Relationship Id="rId17" Type="http://schemas.openxmlformats.org/officeDocument/2006/relationships/slide" Target="slides/slide10.xml"/><Relationship Id="rId25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9.xml"/><Relationship Id="rId20" Type="http://schemas.openxmlformats.org/officeDocument/2006/relationships/slide" Target="slides/slide13.xml"/><Relationship Id="rId29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4.xml"/><Relationship Id="rId24" Type="http://schemas.openxmlformats.org/officeDocument/2006/relationships/slide" Target="slides/slide17.xml"/><Relationship Id="rId5" Type="http://schemas.openxmlformats.org/officeDocument/2006/relationships/customXml" Target="../customXml/item5.xml"/><Relationship Id="rId15" Type="http://schemas.openxmlformats.org/officeDocument/2006/relationships/slide" Target="slides/slide8.xml"/><Relationship Id="rId23" Type="http://schemas.openxmlformats.org/officeDocument/2006/relationships/slide" Target="slides/slide16.xml"/><Relationship Id="rId28" Type="http://schemas.openxmlformats.org/officeDocument/2006/relationships/theme" Target="theme/theme1.xml"/><Relationship Id="rId10" Type="http://schemas.openxmlformats.org/officeDocument/2006/relationships/slide" Target="slides/slide3.xml"/><Relationship Id="rId19" Type="http://schemas.openxmlformats.org/officeDocument/2006/relationships/slide" Target="slides/slide12.xml"/><Relationship Id="rId31" Type="http://schemas.microsoft.com/office/2015/10/relationships/revisionInfo" Target="revisionInfo.xml"/><Relationship Id="rId4" Type="http://schemas.openxmlformats.org/officeDocument/2006/relationships/customXml" Target="../customXml/item4.xml"/><Relationship Id="rId9" Type="http://schemas.openxmlformats.org/officeDocument/2006/relationships/slide" Target="slides/slide2.xml"/><Relationship Id="rId14" Type="http://schemas.openxmlformats.org/officeDocument/2006/relationships/slide" Target="slides/slide7.xml"/><Relationship Id="rId22" Type="http://schemas.openxmlformats.org/officeDocument/2006/relationships/slide" Target="slides/slide15.xml"/><Relationship Id="rId27" Type="http://schemas.openxmlformats.org/officeDocument/2006/relationships/viewProps" Target="viewProps.xml"/><Relationship Id="rId30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Trond Jakob Sjøvang" userId="ff15c777-528f-4a5a-9b2e-cf2534347c8a" providerId="ADAL" clId="{08FC5283-994B-9647-B942-D949E115CE51}"/>
    <pc:docChg chg="undo custSel mod addSld delSld modSld sldOrd modMainMaster">
      <pc:chgData name="Trond Jakob Sjøvang" userId="ff15c777-528f-4a5a-9b2e-cf2534347c8a" providerId="ADAL" clId="{08FC5283-994B-9647-B942-D949E115CE51}" dt="2023-04-14T07:52:22.249" v="449" actId="1076"/>
      <pc:docMkLst>
        <pc:docMk/>
      </pc:docMkLst>
      <pc:sldChg chg="modSp mod">
        <pc:chgData name="Trond Jakob Sjøvang" userId="ff15c777-528f-4a5a-9b2e-cf2534347c8a" providerId="ADAL" clId="{08FC5283-994B-9647-B942-D949E115CE51}" dt="2023-04-13T08:22:59.075" v="403" actId="20577"/>
        <pc:sldMkLst>
          <pc:docMk/>
          <pc:sldMk cId="520246989" sldId="259"/>
        </pc:sldMkLst>
        <pc:spChg chg="mod">
          <ac:chgData name="Trond Jakob Sjøvang" userId="ff15c777-528f-4a5a-9b2e-cf2534347c8a" providerId="ADAL" clId="{08FC5283-994B-9647-B942-D949E115CE51}" dt="2023-04-13T08:22:59.075" v="403" actId="20577"/>
          <ac:spMkLst>
            <pc:docMk/>
            <pc:sldMk cId="520246989" sldId="259"/>
            <ac:spMk id="3" creationId="{6876BCCE-0246-4DFE-6BC7-B5731F204CEC}"/>
          </ac:spMkLst>
        </pc:spChg>
      </pc:sldChg>
      <pc:sldChg chg="modSp del mod">
        <pc:chgData name="Trond Jakob Sjøvang" userId="ff15c777-528f-4a5a-9b2e-cf2534347c8a" providerId="ADAL" clId="{08FC5283-994B-9647-B942-D949E115CE51}" dt="2023-04-03T10:04:03.029" v="40" actId="2696"/>
        <pc:sldMkLst>
          <pc:docMk/>
          <pc:sldMk cId="2601984622" sldId="2142533759"/>
        </pc:sldMkLst>
        <pc:spChg chg="mod">
          <ac:chgData name="Trond Jakob Sjøvang" userId="ff15c777-528f-4a5a-9b2e-cf2534347c8a" providerId="ADAL" clId="{08FC5283-994B-9647-B942-D949E115CE51}" dt="2023-04-03T10:01:10.874" v="19" actId="20577"/>
          <ac:spMkLst>
            <pc:docMk/>
            <pc:sldMk cId="2601984622" sldId="2142533759"/>
            <ac:spMk id="12" creationId="{DC43DEB9-F50F-419D-8C19-7683EF574D22}"/>
          </ac:spMkLst>
        </pc:spChg>
        <pc:spChg chg="mod">
          <ac:chgData name="Trond Jakob Sjøvang" userId="ff15c777-528f-4a5a-9b2e-cf2534347c8a" providerId="ADAL" clId="{08FC5283-994B-9647-B942-D949E115CE51}" dt="2023-04-03T10:00:56.962" v="5" actId="20577"/>
          <ac:spMkLst>
            <pc:docMk/>
            <pc:sldMk cId="2601984622" sldId="2142533759"/>
            <ac:spMk id="14" creationId="{FA4171CB-D1FB-4115-A632-D9FA758C8631}"/>
          </ac:spMkLst>
        </pc:spChg>
      </pc:sldChg>
      <pc:sldChg chg="del mod modShow">
        <pc:chgData name="Trond Jakob Sjøvang" userId="ff15c777-528f-4a5a-9b2e-cf2534347c8a" providerId="ADAL" clId="{08FC5283-994B-9647-B942-D949E115CE51}" dt="2023-04-03T10:08:45.029" v="45" actId="2696"/>
        <pc:sldMkLst>
          <pc:docMk/>
          <pc:sldMk cId="4277671467" sldId="2142533812"/>
        </pc:sldMkLst>
      </pc:sldChg>
      <pc:sldChg chg="modSp mod">
        <pc:chgData name="Trond Jakob Sjøvang" userId="ff15c777-528f-4a5a-9b2e-cf2534347c8a" providerId="ADAL" clId="{08FC5283-994B-9647-B942-D949E115CE51}" dt="2023-04-03T10:01:25.031" v="20" actId="1076"/>
        <pc:sldMkLst>
          <pc:docMk/>
          <pc:sldMk cId="2546132729" sldId="2142533813"/>
        </pc:sldMkLst>
        <pc:spChg chg="mod">
          <ac:chgData name="Trond Jakob Sjøvang" userId="ff15c777-528f-4a5a-9b2e-cf2534347c8a" providerId="ADAL" clId="{08FC5283-994B-9647-B942-D949E115CE51}" dt="2023-04-03T10:01:25.031" v="20" actId="1076"/>
          <ac:spMkLst>
            <pc:docMk/>
            <pc:sldMk cId="2546132729" sldId="2142533813"/>
            <ac:spMk id="4" creationId="{FD175ABC-9DCF-2326-A957-33E52F815948}"/>
          </ac:spMkLst>
        </pc:spChg>
      </pc:sldChg>
      <pc:sldChg chg="addSp delSp modSp mod modClrScheme chgLayout">
        <pc:chgData name="Trond Jakob Sjøvang" userId="ff15c777-528f-4a5a-9b2e-cf2534347c8a" providerId="ADAL" clId="{08FC5283-994B-9647-B942-D949E115CE51}" dt="2023-04-03T10:11:51.232" v="55" actId="27614"/>
        <pc:sldMkLst>
          <pc:docMk/>
          <pc:sldMk cId="139767290" sldId="2142533814"/>
        </pc:sldMkLst>
        <pc:spChg chg="mod ord">
          <ac:chgData name="Trond Jakob Sjøvang" userId="ff15c777-528f-4a5a-9b2e-cf2534347c8a" providerId="ADAL" clId="{08FC5283-994B-9647-B942-D949E115CE51}" dt="2023-04-03T10:09:47.663" v="48" actId="27636"/>
          <ac:spMkLst>
            <pc:docMk/>
            <pc:sldMk cId="139767290" sldId="2142533814"/>
            <ac:spMk id="2" creationId="{164D294C-185C-93DB-2987-989EC758B9ED}"/>
          </ac:spMkLst>
        </pc:spChg>
        <pc:spChg chg="mod ord">
          <ac:chgData name="Trond Jakob Sjøvang" userId="ff15c777-528f-4a5a-9b2e-cf2534347c8a" providerId="ADAL" clId="{08FC5283-994B-9647-B942-D949E115CE51}" dt="2023-04-03T10:09:47.657" v="47" actId="27636"/>
          <ac:spMkLst>
            <pc:docMk/>
            <pc:sldMk cId="139767290" sldId="2142533814"/>
            <ac:spMk id="3" creationId="{F16083BE-1FE1-71CB-393D-B1C5084E0706}"/>
          </ac:spMkLst>
        </pc:spChg>
        <pc:spChg chg="add del mod ord">
          <ac:chgData name="Trond Jakob Sjøvang" userId="ff15c777-528f-4a5a-9b2e-cf2534347c8a" providerId="ADAL" clId="{08FC5283-994B-9647-B942-D949E115CE51}" dt="2023-04-03T10:11:49.771" v="54" actId="931"/>
          <ac:spMkLst>
            <pc:docMk/>
            <pc:sldMk cId="139767290" sldId="2142533814"/>
            <ac:spMk id="4" creationId="{218441AD-3814-F3C4-289E-73ACBD59D200}"/>
          </ac:spMkLst>
        </pc:spChg>
        <pc:picChg chg="add del mod">
          <ac:chgData name="Trond Jakob Sjøvang" userId="ff15c777-528f-4a5a-9b2e-cf2534347c8a" providerId="ADAL" clId="{08FC5283-994B-9647-B942-D949E115CE51}" dt="2023-04-03T10:11:26.506" v="53" actId="931"/>
          <ac:picMkLst>
            <pc:docMk/>
            <pc:sldMk cId="139767290" sldId="2142533814"/>
            <ac:picMk id="6" creationId="{1F85D7FF-22E8-FADE-F909-E67337B28CC2}"/>
          </ac:picMkLst>
        </pc:picChg>
        <pc:picChg chg="add mod">
          <ac:chgData name="Trond Jakob Sjøvang" userId="ff15c777-528f-4a5a-9b2e-cf2534347c8a" providerId="ADAL" clId="{08FC5283-994B-9647-B942-D949E115CE51}" dt="2023-04-03T10:11:51.232" v="55" actId="27614"/>
          <ac:picMkLst>
            <pc:docMk/>
            <pc:sldMk cId="139767290" sldId="2142533814"/>
            <ac:picMk id="8" creationId="{75432034-AE46-A574-DCD0-E45A3F800341}"/>
          </ac:picMkLst>
        </pc:picChg>
      </pc:sldChg>
      <pc:sldChg chg="ord">
        <pc:chgData name="Trond Jakob Sjøvang" userId="ff15c777-528f-4a5a-9b2e-cf2534347c8a" providerId="ADAL" clId="{08FC5283-994B-9647-B942-D949E115CE51}" dt="2023-04-03T10:06:58.100" v="42" actId="20578"/>
        <pc:sldMkLst>
          <pc:docMk/>
          <pc:sldMk cId="2628973564" sldId="2142533816"/>
        </pc:sldMkLst>
      </pc:sldChg>
      <pc:sldChg chg="add del setBg">
        <pc:chgData name="Trond Jakob Sjøvang" userId="ff15c777-528f-4a5a-9b2e-cf2534347c8a" providerId="ADAL" clId="{08FC5283-994B-9647-B942-D949E115CE51}" dt="2023-04-03T10:08:29.526" v="44" actId="2696"/>
        <pc:sldMkLst>
          <pc:docMk/>
          <pc:sldMk cId="3375911296" sldId="2142533817"/>
        </pc:sldMkLst>
      </pc:sldChg>
      <pc:sldChg chg="del mod modShow">
        <pc:chgData name="Trond Jakob Sjøvang" userId="ff15c777-528f-4a5a-9b2e-cf2534347c8a" providerId="ADAL" clId="{08FC5283-994B-9647-B942-D949E115CE51}" dt="2023-04-03T10:08:45.029" v="45" actId="2696"/>
        <pc:sldMkLst>
          <pc:docMk/>
          <pc:sldMk cId="2719690660" sldId="2142533818"/>
        </pc:sldMkLst>
      </pc:sldChg>
      <pc:sldChg chg="addSp delSp modSp mod modAnim chgLayout">
        <pc:chgData name="Trond Jakob Sjøvang" userId="ff15c777-528f-4a5a-9b2e-cf2534347c8a" providerId="ADAL" clId="{08FC5283-994B-9647-B942-D949E115CE51}" dt="2023-04-03T10:13:36.832" v="69"/>
        <pc:sldMkLst>
          <pc:docMk/>
          <pc:sldMk cId="165862742" sldId="2142533819"/>
        </pc:sldMkLst>
        <pc:spChg chg="del mod">
          <ac:chgData name="Trond Jakob Sjøvang" userId="ff15c777-528f-4a5a-9b2e-cf2534347c8a" providerId="ADAL" clId="{08FC5283-994B-9647-B942-D949E115CE51}" dt="2023-04-03T10:13:36.832" v="69"/>
          <ac:spMkLst>
            <pc:docMk/>
            <pc:sldMk cId="165862742" sldId="2142533819"/>
            <ac:spMk id="2" creationId="{5E6EDEA7-EF35-3873-8FF3-29D85449F3AB}"/>
          </ac:spMkLst>
        </pc:spChg>
        <pc:spChg chg="add del mod ord">
          <ac:chgData name="Trond Jakob Sjøvang" userId="ff15c777-528f-4a5a-9b2e-cf2534347c8a" providerId="ADAL" clId="{08FC5283-994B-9647-B942-D949E115CE51}" dt="2023-04-03T10:13:17.456" v="63" actId="700"/>
          <ac:spMkLst>
            <pc:docMk/>
            <pc:sldMk cId="165862742" sldId="2142533819"/>
            <ac:spMk id="3" creationId="{19C72F88-34B0-76DD-5AFA-34F1561B08CB}"/>
          </ac:spMkLst>
        </pc:spChg>
        <pc:spChg chg="add mod">
          <ac:chgData name="Trond Jakob Sjøvang" userId="ff15c777-528f-4a5a-9b2e-cf2534347c8a" providerId="ADAL" clId="{08FC5283-994B-9647-B942-D949E115CE51}" dt="2023-04-03T10:13:34.794" v="67" actId="1076"/>
          <ac:spMkLst>
            <pc:docMk/>
            <pc:sldMk cId="165862742" sldId="2142533819"/>
            <ac:spMk id="4" creationId="{C948FC36-3761-7065-67C3-3FBA6F9F4118}"/>
          </ac:spMkLst>
        </pc:spChg>
        <pc:spChg chg="mod ord">
          <ac:chgData name="Trond Jakob Sjøvang" userId="ff15c777-528f-4a5a-9b2e-cf2534347c8a" providerId="ADAL" clId="{08FC5283-994B-9647-B942-D949E115CE51}" dt="2023-04-03T10:13:17.456" v="63" actId="700"/>
          <ac:spMkLst>
            <pc:docMk/>
            <pc:sldMk cId="165862742" sldId="2142533819"/>
            <ac:spMk id="5" creationId="{7C258955-486A-D0A4-CBC7-32C5AB44073E}"/>
          </ac:spMkLst>
        </pc:spChg>
        <pc:picChg chg="mod ord modCrop">
          <ac:chgData name="Trond Jakob Sjøvang" userId="ff15c777-528f-4a5a-9b2e-cf2534347c8a" providerId="ADAL" clId="{08FC5283-994B-9647-B942-D949E115CE51}" dt="2023-04-03T10:13:17.456" v="63" actId="700"/>
          <ac:picMkLst>
            <pc:docMk/>
            <pc:sldMk cId="165862742" sldId="2142533819"/>
            <ac:picMk id="8" creationId="{6003B0C2-AA53-0C32-2494-CEE5D488A225}"/>
          </ac:picMkLst>
        </pc:picChg>
      </pc:sldChg>
      <pc:sldChg chg="modSp mod ord">
        <pc:chgData name="Trond Jakob Sjøvang" userId="ff15c777-528f-4a5a-9b2e-cf2534347c8a" providerId="ADAL" clId="{08FC5283-994B-9647-B942-D949E115CE51}" dt="2023-04-03T10:03:57.526" v="39" actId="20578"/>
        <pc:sldMkLst>
          <pc:docMk/>
          <pc:sldMk cId="1694709112" sldId="2142533822"/>
        </pc:sldMkLst>
        <pc:spChg chg="mod">
          <ac:chgData name="Trond Jakob Sjøvang" userId="ff15c777-528f-4a5a-9b2e-cf2534347c8a" providerId="ADAL" clId="{08FC5283-994B-9647-B942-D949E115CE51}" dt="2023-04-03T10:03:46.690" v="36" actId="14100"/>
          <ac:spMkLst>
            <pc:docMk/>
            <pc:sldMk cId="1694709112" sldId="2142533822"/>
            <ac:spMk id="2" creationId="{EB988D4C-7B6A-7B1D-6D48-351CCE0BA3E1}"/>
          </ac:spMkLst>
        </pc:spChg>
      </pc:sldChg>
      <pc:sldChg chg="del mod modShow">
        <pc:chgData name="Trond Jakob Sjøvang" userId="ff15c777-528f-4a5a-9b2e-cf2534347c8a" providerId="ADAL" clId="{08FC5283-994B-9647-B942-D949E115CE51}" dt="2023-04-03T10:08:45.029" v="45" actId="2696"/>
        <pc:sldMkLst>
          <pc:docMk/>
          <pc:sldMk cId="3656186407" sldId="2142533823"/>
        </pc:sldMkLst>
      </pc:sldChg>
      <pc:sldChg chg="del mod modShow">
        <pc:chgData name="Trond Jakob Sjøvang" userId="ff15c777-528f-4a5a-9b2e-cf2534347c8a" providerId="ADAL" clId="{08FC5283-994B-9647-B942-D949E115CE51}" dt="2023-04-03T10:08:45.029" v="45" actId="2696"/>
        <pc:sldMkLst>
          <pc:docMk/>
          <pc:sldMk cId="3103435306" sldId="2142533824"/>
        </pc:sldMkLst>
      </pc:sldChg>
      <pc:sldChg chg="del">
        <pc:chgData name="Trond Jakob Sjøvang" userId="ff15c777-528f-4a5a-9b2e-cf2534347c8a" providerId="ADAL" clId="{08FC5283-994B-9647-B942-D949E115CE51}" dt="2023-04-03T10:06:40.057" v="41" actId="2696"/>
        <pc:sldMkLst>
          <pc:docMk/>
          <pc:sldMk cId="2679062219" sldId="2142533825"/>
        </pc:sldMkLst>
      </pc:sldChg>
      <pc:sldChg chg="addSp delSp modSp mod modClrScheme chgLayout modNotesTx">
        <pc:chgData name="Trond Jakob Sjøvang" userId="ff15c777-528f-4a5a-9b2e-cf2534347c8a" providerId="ADAL" clId="{08FC5283-994B-9647-B942-D949E115CE51}" dt="2023-04-12T10:43:56.367" v="216" actId="1076"/>
        <pc:sldMkLst>
          <pc:docMk/>
          <pc:sldMk cId="3565925066" sldId="2142533826"/>
        </pc:sldMkLst>
        <pc:picChg chg="add mod">
          <ac:chgData name="Trond Jakob Sjøvang" userId="ff15c777-528f-4a5a-9b2e-cf2534347c8a" providerId="ADAL" clId="{08FC5283-994B-9647-B942-D949E115CE51}" dt="2023-04-12T10:43:56.367" v="216" actId="1076"/>
          <ac:picMkLst>
            <pc:docMk/>
            <pc:sldMk cId="3565925066" sldId="2142533826"/>
            <ac:picMk id="1026" creationId="{3D4B53DC-9233-136B-1310-9D86717BD178}"/>
          </ac:picMkLst>
        </pc:picChg>
        <pc:picChg chg="del">
          <ac:chgData name="Trond Jakob Sjøvang" userId="ff15c777-528f-4a5a-9b2e-cf2534347c8a" providerId="ADAL" clId="{08FC5283-994B-9647-B942-D949E115CE51}" dt="2023-04-12T10:43:03.220" v="212" actId="21"/>
          <ac:picMkLst>
            <pc:docMk/>
            <pc:sldMk cId="3565925066" sldId="2142533826"/>
            <ac:picMk id="5122" creationId="{6349EDCF-DE99-8E09-13E8-0C27E71629C3}"/>
          </ac:picMkLst>
        </pc:picChg>
      </pc:sldChg>
      <pc:sldChg chg="addSp delSp modSp mod modNotesTx">
        <pc:chgData name="Trond Jakob Sjøvang" userId="ff15c777-528f-4a5a-9b2e-cf2534347c8a" providerId="ADAL" clId="{08FC5283-994B-9647-B942-D949E115CE51}" dt="2023-04-12T10:35:35.657" v="152" actId="20577"/>
        <pc:sldMkLst>
          <pc:docMk/>
          <pc:sldMk cId="366829173" sldId="2142533827"/>
        </pc:sldMkLst>
        <pc:spChg chg="add del mod">
          <ac:chgData name="Trond Jakob Sjøvang" userId="ff15c777-528f-4a5a-9b2e-cf2534347c8a" providerId="ADAL" clId="{08FC5283-994B-9647-B942-D949E115CE51}" dt="2023-04-03T10:14:58.712" v="79" actId="767"/>
          <ac:spMkLst>
            <pc:docMk/>
            <pc:sldMk cId="366829173" sldId="2142533827"/>
            <ac:spMk id="2" creationId="{B6ACBCE1-EA02-E399-9367-53E758219368}"/>
          </ac:spMkLst>
        </pc:spChg>
        <pc:spChg chg="mod">
          <ac:chgData name="Trond Jakob Sjøvang" userId="ff15c777-528f-4a5a-9b2e-cf2534347c8a" providerId="ADAL" clId="{08FC5283-994B-9647-B942-D949E115CE51}" dt="2023-04-03T10:15:43.450" v="92" actId="1076"/>
          <ac:spMkLst>
            <pc:docMk/>
            <pc:sldMk cId="366829173" sldId="2142533827"/>
            <ac:spMk id="3" creationId="{5E6523E0-0A27-447D-3BDC-02BE4B95011E}"/>
          </ac:spMkLst>
        </pc:spChg>
        <pc:spChg chg="mod">
          <ac:chgData name="Trond Jakob Sjøvang" userId="ff15c777-528f-4a5a-9b2e-cf2534347c8a" providerId="ADAL" clId="{08FC5283-994B-9647-B942-D949E115CE51}" dt="2023-04-03T10:15:38.589" v="91" actId="1076"/>
          <ac:spMkLst>
            <pc:docMk/>
            <pc:sldMk cId="366829173" sldId="2142533827"/>
            <ac:spMk id="4" creationId="{8CF1A116-F10D-CB30-8CAD-5A950690BAAC}"/>
          </ac:spMkLst>
        </pc:spChg>
      </pc:sldChg>
      <pc:sldChg chg="modSp mod">
        <pc:chgData name="Trond Jakob Sjøvang" userId="ff15c777-528f-4a5a-9b2e-cf2534347c8a" providerId="ADAL" clId="{08FC5283-994B-9647-B942-D949E115CE51}" dt="2023-04-03T10:15:32.047" v="90" actId="1076"/>
        <pc:sldMkLst>
          <pc:docMk/>
          <pc:sldMk cId="1024884796" sldId="2142533828"/>
        </pc:sldMkLst>
        <pc:spChg chg="mod">
          <ac:chgData name="Trond Jakob Sjøvang" userId="ff15c777-528f-4a5a-9b2e-cf2534347c8a" providerId="ADAL" clId="{08FC5283-994B-9647-B942-D949E115CE51}" dt="2023-04-03T10:14:29.227" v="74" actId="1076"/>
          <ac:spMkLst>
            <pc:docMk/>
            <pc:sldMk cId="1024884796" sldId="2142533828"/>
            <ac:spMk id="3" creationId="{C800F81A-7C68-451C-0065-4EACA3ECE53E}"/>
          </ac:spMkLst>
        </pc:spChg>
        <pc:spChg chg="mod">
          <ac:chgData name="Trond Jakob Sjøvang" userId="ff15c777-528f-4a5a-9b2e-cf2534347c8a" providerId="ADAL" clId="{08FC5283-994B-9647-B942-D949E115CE51}" dt="2023-04-03T10:15:32.047" v="90" actId="1076"/>
          <ac:spMkLst>
            <pc:docMk/>
            <pc:sldMk cId="1024884796" sldId="2142533828"/>
            <ac:spMk id="4" creationId="{2E100033-81F9-EF46-CE1A-D8FD2A0458E6}"/>
          </ac:spMkLst>
        </pc:spChg>
      </pc:sldChg>
      <pc:sldChg chg="del">
        <pc:chgData name="Trond Jakob Sjøvang" userId="ff15c777-528f-4a5a-9b2e-cf2534347c8a" providerId="ADAL" clId="{08FC5283-994B-9647-B942-D949E115CE51}" dt="2023-04-03T10:06:40.057" v="41" actId="2696"/>
        <pc:sldMkLst>
          <pc:docMk/>
          <pc:sldMk cId="2508689271" sldId="2142533829"/>
        </pc:sldMkLst>
      </pc:sldChg>
      <pc:sldChg chg="new del">
        <pc:chgData name="Trond Jakob Sjøvang" userId="ff15c777-528f-4a5a-9b2e-cf2534347c8a" providerId="ADAL" clId="{08FC5283-994B-9647-B942-D949E115CE51}" dt="2023-04-03T10:26:18.968" v="94" actId="2696"/>
        <pc:sldMkLst>
          <pc:docMk/>
          <pc:sldMk cId="2916469913" sldId="2142533829"/>
        </pc:sldMkLst>
      </pc:sldChg>
      <pc:sldChg chg="addSp delSp modSp new mod setBg modNotesTx">
        <pc:chgData name="Trond Jakob Sjøvang" userId="ff15c777-528f-4a5a-9b2e-cf2534347c8a" providerId="ADAL" clId="{08FC5283-994B-9647-B942-D949E115CE51}" dt="2023-04-11T11:59:07.433" v="150" actId="1076"/>
        <pc:sldMkLst>
          <pc:docMk/>
          <pc:sldMk cId="4209013658" sldId="2142533829"/>
        </pc:sldMkLst>
        <pc:spChg chg="add mod">
          <ac:chgData name="Trond Jakob Sjøvang" userId="ff15c777-528f-4a5a-9b2e-cf2534347c8a" providerId="ADAL" clId="{08FC5283-994B-9647-B942-D949E115CE51}" dt="2023-04-11T11:58:59.175" v="149" actId="1076"/>
          <ac:spMkLst>
            <pc:docMk/>
            <pc:sldMk cId="4209013658" sldId="2142533829"/>
            <ac:spMk id="4" creationId="{1C379C52-77A1-D754-3CE1-E14E09F23B23}"/>
          </ac:spMkLst>
        </pc:spChg>
        <pc:picChg chg="add del mod">
          <ac:chgData name="Trond Jakob Sjøvang" userId="ff15c777-528f-4a5a-9b2e-cf2534347c8a" providerId="ADAL" clId="{08FC5283-994B-9647-B942-D949E115CE51}" dt="2023-04-03T10:43:54.709" v="102" actId="21"/>
          <ac:picMkLst>
            <pc:docMk/>
            <pc:sldMk cId="4209013658" sldId="2142533829"/>
            <ac:picMk id="2" creationId="{9680EB46-105E-550B-0EBC-BBFE3CE1550B}"/>
          </ac:picMkLst>
        </pc:picChg>
        <pc:picChg chg="add mod">
          <ac:chgData name="Trond Jakob Sjøvang" userId="ff15c777-528f-4a5a-9b2e-cf2534347c8a" providerId="ADAL" clId="{08FC5283-994B-9647-B942-D949E115CE51}" dt="2023-04-11T11:59:07.433" v="150" actId="1076"/>
          <ac:picMkLst>
            <pc:docMk/>
            <pc:sldMk cId="4209013658" sldId="2142533829"/>
            <ac:picMk id="3" creationId="{AE83D709-DC02-39D6-2828-7D33167263C1}"/>
          </ac:picMkLst>
        </pc:picChg>
      </pc:sldChg>
      <pc:sldChg chg="del mod modShow">
        <pc:chgData name="Trond Jakob Sjøvang" userId="ff15c777-528f-4a5a-9b2e-cf2534347c8a" providerId="ADAL" clId="{08FC5283-994B-9647-B942-D949E115CE51}" dt="2023-04-03T10:08:45.029" v="45" actId="2696"/>
        <pc:sldMkLst>
          <pc:docMk/>
          <pc:sldMk cId="1920952097" sldId="2142533830"/>
        </pc:sldMkLst>
      </pc:sldChg>
      <pc:sldChg chg="addSp delSp modSp new mod setBg modClrScheme chgLayout modNotesTx">
        <pc:chgData name="Trond Jakob Sjøvang" userId="ff15c777-528f-4a5a-9b2e-cf2534347c8a" providerId="ADAL" clId="{08FC5283-994B-9647-B942-D949E115CE51}" dt="2023-04-12T10:48:14.488" v="311" actId="20577"/>
        <pc:sldMkLst>
          <pc:docMk/>
          <pc:sldMk cId="3101550826" sldId="2142533830"/>
        </pc:sldMkLst>
        <pc:spChg chg="del mod ord">
          <ac:chgData name="Trond Jakob Sjøvang" userId="ff15c777-528f-4a5a-9b2e-cf2534347c8a" providerId="ADAL" clId="{08FC5283-994B-9647-B942-D949E115CE51}" dt="2023-04-12T10:36:48.035" v="154" actId="700"/>
          <ac:spMkLst>
            <pc:docMk/>
            <pc:sldMk cId="3101550826" sldId="2142533830"/>
            <ac:spMk id="2" creationId="{4C677639-7FAB-63ED-318F-8378214D9201}"/>
          </ac:spMkLst>
        </pc:spChg>
        <pc:spChg chg="del mod ord">
          <ac:chgData name="Trond Jakob Sjøvang" userId="ff15c777-528f-4a5a-9b2e-cf2534347c8a" providerId="ADAL" clId="{08FC5283-994B-9647-B942-D949E115CE51}" dt="2023-04-12T10:36:48.035" v="154" actId="700"/>
          <ac:spMkLst>
            <pc:docMk/>
            <pc:sldMk cId="3101550826" sldId="2142533830"/>
            <ac:spMk id="3" creationId="{858C7025-4101-692D-9AA7-E27C4D731A3A}"/>
          </ac:spMkLst>
        </pc:spChg>
        <pc:spChg chg="del mod ord">
          <ac:chgData name="Trond Jakob Sjøvang" userId="ff15c777-528f-4a5a-9b2e-cf2534347c8a" providerId="ADAL" clId="{08FC5283-994B-9647-B942-D949E115CE51}" dt="2023-04-12T10:36:48.035" v="154" actId="700"/>
          <ac:spMkLst>
            <pc:docMk/>
            <pc:sldMk cId="3101550826" sldId="2142533830"/>
            <ac:spMk id="4" creationId="{3992F25F-B43C-3ED9-37B0-1EF20C25C1A8}"/>
          </ac:spMkLst>
        </pc:spChg>
        <pc:spChg chg="add del mod ord">
          <ac:chgData name="Trond Jakob Sjøvang" userId="ff15c777-528f-4a5a-9b2e-cf2534347c8a" providerId="ADAL" clId="{08FC5283-994B-9647-B942-D949E115CE51}" dt="2023-04-12T10:38:44.192" v="155" actId="700"/>
          <ac:spMkLst>
            <pc:docMk/>
            <pc:sldMk cId="3101550826" sldId="2142533830"/>
            <ac:spMk id="5" creationId="{00A72B70-984C-DD01-064B-4562BF9F6595}"/>
          </ac:spMkLst>
        </pc:spChg>
        <pc:spChg chg="add del mod ord">
          <ac:chgData name="Trond Jakob Sjøvang" userId="ff15c777-528f-4a5a-9b2e-cf2534347c8a" providerId="ADAL" clId="{08FC5283-994B-9647-B942-D949E115CE51}" dt="2023-04-12T10:38:44.192" v="155" actId="700"/>
          <ac:spMkLst>
            <pc:docMk/>
            <pc:sldMk cId="3101550826" sldId="2142533830"/>
            <ac:spMk id="6" creationId="{EE2D8E4E-A1AD-2D13-A6DF-BCEDB9794969}"/>
          </ac:spMkLst>
        </pc:spChg>
        <pc:spChg chg="add del mod ord">
          <ac:chgData name="Trond Jakob Sjøvang" userId="ff15c777-528f-4a5a-9b2e-cf2534347c8a" providerId="ADAL" clId="{08FC5283-994B-9647-B942-D949E115CE51}" dt="2023-04-12T10:38:44.192" v="155" actId="700"/>
          <ac:spMkLst>
            <pc:docMk/>
            <pc:sldMk cId="3101550826" sldId="2142533830"/>
            <ac:spMk id="7" creationId="{AFAA0EB8-CB89-016C-5742-B8C2A580D5D5}"/>
          </ac:spMkLst>
        </pc:spChg>
        <pc:spChg chg="add mod">
          <ac:chgData name="Trond Jakob Sjøvang" userId="ff15c777-528f-4a5a-9b2e-cf2534347c8a" providerId="ADAL" clId="{08FC5283-994B-9647-B942-D949E115CE51}" dt="2023-04-12T10:48:03.184" v="294" actId="1076"/>
          <ac:spMkLst>
            <pc:docMk/>
            <pc:sldMk cId="3101550826" sldId="2142533830"/>
            <ac:spMk id="8" creationId="{3DB5F28C-7978-5877-05FB-6618B48A4FEC}"/>
          </ac:spMkLst>
        </pc:spChg>
        <pc:spChg chg="add mod">
          <ac:chgData name="Trond Jakob Sjøvang" userId="ff15c777-528f-4a5a-9b2e-cf2534347c8a" providerId="ADAL" clId="{08FC5283-994B-9647-B942-D949E115CE51}" dt="2023-04-12T10:48:03.184" v="294" actId="1076"/>
          <ac:spMkLst>
            <pc:docMk/>
            <pc:sldMk cId="3101550826" sldId="2142533830"/>
            <ac:spMk id="9" creationId="{221E4C6F-9A4F-44C6-D0BE-5A2C707FE918}"/>
          </ac:spMkLst>
        </pc:spChg>
      </pc:sldChg>
      <pc:sldChg chg="del">
        <pc:chgData name="Trond Jakob Sjøvang" userId="ff15c777-528f-4a5a-9b2e-cf2534347c8a" providerId="ADAL" clId="{08FC5283-994B-9647-B942-D949E115CE51}" dt="2023-04-03T10:06:40.057" v="41" actId="2696"/>
        <pc:sldMkLst>
          <pc:docMk/>
          <pc:sldMk cId="2740373787" sldId="2142533831"/>
        </pc:sldMkLst>
      </pc:sldChg>
      <pc:sldChg chg="delSp add mod ord">
        <pc:chgData name="Trond Jakob Sjøvang" userId="ff15c777-528f-4a5a-9b2e-cf2534347c8a" providerId="ADAL" clId="{08FC5283-994B-9647-B942-D949E115CE51}" dt="2023-04-14T07:43:16.993" v="427" actId="20578"/>
        <pc:sldMkLst>
          <pc:docMk/>
          <pc:sldMk cId="1269683130" sldId="2142534099"/>
        </pc:sldMkLst>
        <pc:spChg chg="del">
          <ac:chgData name="Trond Jakob Sjøvang" userId="ff15c777-528f-4a5a-9b2e-cf2534347c8a" providerId="ADAL" clId="{08FC5283-994B-9647-B942-D949E115CE51}" dt="2023-04-12T10:55:29.711" v="355" actId="21"/>
          <ac:spMkLst>
            <pc:docMk/>
            <pc:sldMk cId="1269683130" sldId="2142534099"/>
            <ac:spMk id="7" creationId="{4A794D6A-2D6E-8400-9F5D-85264B676051}"/>
          </ac:spMkLst>
        </pc:spChg>
        <pc:spChg chg="del">
          <ac:chgData name="Trond Jakob Sjøvang" userId="ff15c777-528f-4a5a-9b2e-cf2534347c8a" providerId="ADAL" clId="{08FC5283-994B-9647-B942-D949E115CE51}" dt="2023-04-12T10:55:32.764" v="356" actId="21"/>
          <ac:spMkLst>
            <pc:docMk/>
            <pc:sldMk cId="1269683130" sldId="2142534099"/>
            <ac:spMk id="8" creationId="{290274AB-3F4B-8BD8-1A00-73099C9AAC82}"/>
          </ac:spMkLst>
        </pc:spChg>
      </pc:sldChg>
      <pc:sldChg chg="addSp delSp modSp new ord">
        <pc:chgData name="Trond Jakob Sjøvang" userId="ff15c777-528f-4a5a-9b2e-cf2534347c8a" providerId="ADAL" clId="{08FC5283-994B-9647-B942-D949E115CE51}" dt="2023-04-13T08:20:39.273" v="370" actId="14100"/>
        <pc:sldMkLst>
          <pc:docMk/>
          <pc:sldMk cId="605835731" sldId="2142534100"/>
        </pc:sldMkLst>
        <pc:picChg chg="add del mod">
          <ac:chgData name="Trond Jakob Sjøvang" userId="ff15c777-528f-4a5a-9b2e-cf2534347c8a" providerId="ADAL" clId="{08FC5283-994B-9647-B942-D949E115CE51}" dt="2023-04-13T08:20:20.978" v="367" actId="21"/>
          <ac:picMkLst>
            <pc:docMk/>
            <pc:sldMk cId="605835731" sldId="2142534100"/>
            <ac:picMk id="1026" creationId="{3D63CEF7-E11A-EC6E-0D18-13F60DC0F6C3}"/>
          </ac:picMkLst>
        </pc:picChg>
        <pc:picChg chg="add mod">
          <ac:chgData name="Trond Jakob Sjøvang" userId="ff15c777-528f-4a5a-9b2e-cf2534347c8a" providerId="ADAL" clId="{08FC5283-994B-9647-B942-D949E115CE51}" dt="2023-04-13T08:20:39.273" v="370" actId="14100"/>
          <ac:picMkLst>
            <pc:docMk/>
            <pc:sldMk cId="605835731" sldId="2142534100"/>
            <ac:picMk id="1028" creationId="{31F5D0C9-57C7-5B69-03C7-203A400177D9}"/>
          </ac:picMkLst>
        </pc:picChg>
      </pc:sldChg>
      <pc:sldChg chg="delSp modSp add del mod">
        <pc:chgData name="Trond Jakob Sjøvang" userId="ff15c777-528f-4a5a-9b2e-cf2534347c8a" providerId="ADAL" clId="{08FC5283-994B-9647-B942-D949E115CE51}" dt="2023-04-14T07:44:06.258" v="438" actId="207"/>
        <pc:sldMkLst>
          <pc:docMk/>
          <pc:sldMk cId="2649587272" sldId="2142534103"/>
        </pc:sldMkLst>
        <pc:spChg chg="mod">
          <ac:chgData name="Trond Jakob Sjøvang" userId="ff15c777-528f-4a5a-9b2e-cf2534347c8a" providerId="ADAL" clId="{08FC5283-994B-9647-B942-D949E115CE51}" dt="2023-04-14T07:43:07.511" v="426" actId="14100"/>
          <ac:spMkLst>
            <pc:docMk/>
            <pc:sldMk cId="2649587272" sldId="2142534103"/>
            <ac:spMk id="5" creationId="{F9D958E8-E203-4A22-9563-853FEC89230F}"/>
          </ac:spMkLst>
        </pc:spChg>
        <pc:spChg chg="mod">
          <ac:chgData name="Trond Jakob Sjøvang" userId="ff15c777-528f-4a5a-9b2e-cf2534347c8a" providerId="ADAL" clId="{08FC5283-994B-9647-B942-D949E115CE51}" dt="2023-04-14T07:43:47.215" v="432" actId="207"/>
          <ac:spMkLst>
            <pc:docMk/>
            <pc:sldMk cId="2649587272" sldId="2142534103"/>
            <ac:spMk id="6" creationId="{0F158E78-136D-C1C3-2070-0446A6B11677}"/>
          </ac:spMkLst>
        </pc:spChg>
        <pc:spChg chg="mod">
          <ac:chgData name="Trond Jakob Sjøvang" userId="ff15c777-528f-4a5a-9b2e-cf2534347c8a" providerId="ADAL" clId="{08FC5283-994B-9647-B942-D949E115CE51}" dt="2023-04-14T07:43:51.159" v="433" actId="207"/>
          <ac:spMkLst>
            <pc:docMk/>
            <pc:sldMk cId="2649587272" sldId="2142534103"/>
            <ac:spMk id="8" creationId="{C1288BE0-B7EE-BDEB-44A5-2F4A71BD5B15}"/>
          </ac:spMkLst>
        </pc:spChg>
        <pc:spChg chg="mod">
          <ac:chgData name="Trond Jakob Sjøvang" userId="ff15c777-528f-4a5a-9b2e-cf2534347c8a" providerId="ADAL" clId="{08FC5283-994B-9647-B942-D949E115CE51}" dt="2023-04-14T07:43:54.230" v="434" actId="207"/>
          <ac:spMkLst>
            <pc:docMk/>
            <pc:sldMk cId="2649587272" sldId="2142534103"/>
            <ac:spMk id="14" creationId="{CF586084-3959-61ED-EC71-4C7860C9FE06}"/>
          </ac:spMkLst>
        </pc:spChg>
        <pc:spChg chg="mod">
          <ac:chgData name="Trond Jakob Sjøvang" userId="ff15c777-528f-4a5a-9b2e-cf2534347c8a" providerId="ADAL" clId="{08FC5283-994B-9647-B942-D949E115CE51}" dt="2023-04-14T07:43:56.471" v="435" actId="207"/>
          <ac:spMkLst>
            <pc:docMk/>
            <pc:sldMk cId="2649587272" sldId="2142534103"/>
            <ac:spMk id="17" creationId="{0F1B53F0-4281-927E-0A4A-F7FBE3F02B16}"/>
          </ac:spMkLst>
        </pc:spChg>
        <pc:spChg chg="mod">
          <ac:chgData name="Trond Jakob Sjøvang" userId="ff15c777-528f-4a5a-9b2e-cf2534347c8a" providerId="ADAL" clId="{08FC5283-994B-9647-B942-D949E115CE51}" dt="2023-04-14T07:44:00.572" v="436" actId="207"/>
          <ac:spMkLst>
            <pc:docMk/>
            <pc:sldMk cId="2649587272" sldId="2142534103"/>
            <ac:spMk id="20" creationId="{6FA98CEB-4835-9F68-3B3E-BA770C7B4A85}"/>
          </ac:spMkLst>
        </pc:spChg>
        <pc:spChg chg="mod">
          <ac:chgData name="Trond Jakob Sjøvang" userId="ff15c777-528f-4a5a-9b2e-cf2534347c8a" providerId="ADAL" clId="{08FC5283-994B-9647-B942-D949E115CE51}" dt="2023-04-14T07:44:03.264" v="437" actId="207"/>
          <ac:spMkLst>
            <pc:docMk/>
            <pc:sldMk cId="2649587272" sldId="2142534103"/>
            <ac:spMk id="23" creationId="{F1A5CA52-DC98-6445-08E7-0823E6224E78}"/>
          </ac:spMkLst>
        </pc:spChg>
        <pc:spChg chg="mod">
          <ac:chgData name="Trond Jakob Sjøvang" userId="ff15c777-528f-4a5a-9b2e-cf2534347c8a" providerId="ADAL" clId="{08FC5283-994B-9647-B942-D949E115CE51}" dt="2023-04-14T07:44:06.258" v="438" actId="207"/>
          <ac:spMkLst>
            <pc:docMk/>
            <pc:sldMk cId="2649587272" sldId="2142534103"/>
            <ac:spMk id="26" creationId="{4C6A0C51-BC6D-4930-BA76-5A6AF7028780}"/>
          </ac:spMkLst>
        </pc:spChg>
        <pc:spChg chg="del">
          <ac:chgData name="Trond Jakob Sjøvang" userId="ff15c777-528f-4a5a-9b2e-cf2534347c8a" providerId="ADAL" clId="{08FC5283-994B-9647-B942-D949E115CE51}" dt="2023-04-14T07:42:58.110" v="409" actId="21"/>
          <ac:spMkLst>
            <pc:docMk/>
            <pc:sldMk cId="2649587272" sldId="2142534103"/>
            <ac:spMk id="35" creationId="{3DAC4154-7569-8C15-CB3A-2B2C18F04483}"/>
          </ac:spMkLst>
        </pc:spChg>
        <pc:spChg chg="del">
          <ac:chgData name="Trond Jakob Sjøvang" userId="ff15c777-528f-4a5a-9b2e-cf2534347c8a" providerId="ADAL" clId="{08FC5283-994B-9647-B942-D949E115CE51}" dt="2023-04-14T07:42:50.631" v="408" actId="21"/>
          <ac:spMkLst>
            <pc:docMk/>
            <pc:sldMk cId="2649587272" sldId="2142534103"/>
            <ac:spMk id="36" creationId="{2439B296-A412-5384-8A1C-A3383898A7C2}"/>
          </ac:spMkLst>
        </pc:spChg>
      </pc:sldChg>
      <pc:sldChg chg="addSp new ord">
        <pc:chgData name="Trond Jakob Sjøvang" userId="ff15c777-528f-4a5a-9b2e-cf2534347c8a" providerId="ADAL" clId="{08FC5283-994B-9647-B942-D949E115CE51}" dt="2023-04-14T07:46:47.828" v="442" actId="20578"/>
        <pc:sldMkLst>
          <pc:docMk/>
          <pc:sldMk cId="3646231865" sldId="2142534104"/>
        </pc:sldMkLst>
        <pc:picChg chg="add">
          <ac:chgData name="Trond Jakob Sjøvang" userId="ff15c777-528f-4a5a-9b2e-cf2534347c8a" providerId="ADAL" clId="{08FC5283-994B-9647-B942-D949E115CE51}" dt="2023-04-14T07:46:37.618" v="440"/>
          <ac:picMkLst>
            <pc:docMk/>
            <pc:sldMk cId="3646231865" sldId="2142534104"/>
            <ac:picMk id="1026" creationId="{899E62F8-08EE-0467-9F32-C6C7D3697966}"/>
          </ac:picMkLst>
        </pc:picChg>
      </pc:sldChg>
      <pc:sldChg chg="addSp modSp new mod setBg">
        <pc:chgData name="Trond Jakob Sjøvang" userId="ff15c777-528f-4a5a-9b2e-cf2534347c8a" providerId="ADAL" clId="{08FC5283-994B-9647-B942-D949E115CE51}" dt="2023-04-14T07:52:22.249" v="449" actId="1076"/>
        <pc:sldMkLst>
          <pc:docMk/>
          <pc:sldMk cId="3988251080" sldId="2142534105"/>
        </pc:sldMkLst>
        <pc:picChg chg="add mod">
          <ac:chgData name="Trond Jakob Sjøvang" userId="ff15c777-528f-4a5a-9b2e-cf2534347c8a" providerId="ADAL" clId="{08FC5283-994B-9647-B942-D949E115CE51}" dt="2023-04-14T07:52:22.249" v="449" actId="1076"/>
          <ac:picMkLst>
            <pc:docMk/>
            <pc:sldMk cId="3988251080" sldId="2142534105"/>
            <ac:picMk id="2" creationId="{1D31598A-1FA6-F21C-2E80-9A407B19C299}"/>
          </ac:picMkLst>
        </pc:picChg>
      </pc:sldChg>
      <pc:sldMasterChg chg="delSp mod">
        <pc:chgData name="Trond Jakob Sjøvang" userId="ff15c777-528f-4a5a-9b2e-cf2534347c8a" providerId="ADAL" clId="{08FC5283-994B-9647-B942-D949E115CE51}" dt="2023-04-13T08:24:06.340" v="404" actId="33475"/>
        <pc:sldMasterMkLst>
          <pc:docMk/>
          <pc:sldMasterMk cId="1570777323" sldId="2147483648"/>
        </pc:sldMasterMkLst>
        <pc:spChg chg="del">
          <ac:chgData name="Trond Jakob Sjøvang" userId="ff15c777-528f-4a5a-9b2e-cf2534347c8a" providerId="ADAL" clId="{08FC5283-994B-9647-B942-D949E115CE51}" dt="2023-04-13T08:24:06.340" v="404" actId="33475"/>
          <ac:spMkLst>
            <pc:docMk/>
            <pc:sldMasterMk cId="1570777323" sldId="2147483648"/>
            <ac:spMk id="8" creationId="{40DD1F89-62D4-EEF8-6CE4-AD3E45CA73A8}"/>
          </ac:spMkLst>
        </pc:spChg>
      </pc:sldMaster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NO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E1B82E4-104B-D84C-9244-66FE21609BEB}" type="datetimeFigureOut">
              <a:rPr lang="en-NO" smtClean="0"/>
              <a:t>14/04/2023</a:t>
            </a:fld>
            <a:endParaRPr lang="en-NO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NO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N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7BBCBD4-3A6C-B94A-8F49-554A70DA965A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38795000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4884D80-B825-47BF-8C92-89A5146EE27F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309825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7BBCBD4-3A6C-B94A-8F49-554A70DA965A}" type="slidenum">
              <a:rPr lang="en-NO" smtClean="0"/>
              <a:t>11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61056034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ttps://</a:t>
            </a:r>
            <a:r>
              <a:rPr lang="en-US" dirty="0" err="1"/>
              <a:t>learn.microsoft.com</a:t>
            </a:r>
            <a:r>
              <a:rPr lang="en-US" dirty="0"/>
              <a:t>/</a:t>
            </a:r>
            <a:r>
              <a:rPr lang="en-US" dirty="0" err="1"/>
              <a:t>en</a:t>
            </a:r>
            <a:r>
              <a:rPr lang="en-US" dirty="0"/>
              <a:t>-us/azure/cloud-adoption-framework/</a:t>
            </a:r>
          </a:p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4884D80-B825-47BF-8C92-89A5146EE27F}" type="slidenum">
              <a:rPr lang="en-US" smtClean="0"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3865151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4884D80-B825-47BF-8C92-89A5146EE27F}" type="slidenum">
              <a:rPr lang="en-US" smtClean="0"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23603432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4884D80-B825-47BF-8C92-89A5146EE27F}" type="slidenum">
              <a:rPr lang="en-US" smtClean="0"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9729619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NO" dirty="0"/>
              <a:t>Avslutt med demo!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4884D80-B825-47BF-8C92-89A5146EE27F}" type="slidenum">
              <a:rPr lang="en-US" smtClean="0"/>
              <a:t>1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2148091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E</a:t>
            </a:r>
            <a:r>
              <a:rPr lang="en-NO" dirty="0"/>
              <a:t>ssensielle skills for fremtidens IT</a:t>
            </a:r>
          </a:p>
          <a:p>
            <a:pPr marL="171450" indent="-171450">
              <a:buFontTx/>
              <a:buChar char="-"/>
            </a:pPr>
            <a:r>
              <a:rPr lang="en-NO" dirty="0"/>
              <a:t>Programmering</a:t>
            </a:r>
          </a:p>
          <a:p>
            <a:pPr marL="171450" indent="-171450">
              <a:buFontTx/>
              <a:buChar char="-"/>
            </a:pPr>
            <a:r>
              <a:rPr lang="en-NO" dirty="0"/>
              <a:t>“soft” skill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7BBCBD4-3A6C-B94A-8F49-554A70DA965A}" type="slidenum">
              <a:rPr lang="en-NO" smtClean="0"/>
              <a:t>16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3135578372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NO" dirty="0"/>
              <a:t>GitHub repo: </a:t>
            </a:r>
            <a:r>
              <a:rPr lang="en-US" dirty="0"/>
              <a:t>https://</a:t>
            </a:r>
            <a:r>
              <a:rPr lang="en-US" dirty="0" err="1"/>
              <a:t>github.com</a:t>
            </a:r>
            <a:r>
              <a:rPr lang="en-US" dirty="0"/>
              <a:t>/</a:t>
            </a:r>
            <a:r>
              <a:rPr lang="en-US" dirty="0" err="1"/>
              <a:t>sjovang</a:t>
            </a:r>
            <a:r>
              <a:rPr lang="en-US" dirty="0"/>
              <a:t>/</a:t>
            </a:r>
            <a:r>
              <a:rPr lang="en-US" dirty="0" err="1"/>
              <a:t>ksu</a:t>
            </a:r>
            <a:r>
              <a:rPr lang="en-US" dirty="0"/>
              <a:t>-</a:t>
            </a:r>
            <a:r>
              <a:rPr lang="en-US" dirty="0" err="1"/>
              <a:t>vgs</a:t>
            </a:r>
            <a:r>
              <a:rPr lang="en-US" dirty="0"/>
              <a:t>-azure-intro</a:t>
            </a:r>
          </a:p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7BBCBD4-3A6C-B94A-8F49-554A70DA965A}" type="slidenum">
              <a:rPr lang="en-NO" smtClean="0"/>
              <a:t>17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301557217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AutoNum type="arabicPeriod"/>
            </a:pPr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58F10C6-660B-DB43-9788-BC8675F2BF66}" type="slidenum">
              <a:rPr lang="en-NO" smtClean="0"/>
              <a:t>2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234434752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7BBCBD4-3A6C-B94A-8F49-554A70DA965A}" type="slidenum">
              <a:rPr lang="en-NO" smtClean="0"/>
              <a:t>3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77808786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4884D80-B825-47BF-8C92-89A5146EE27F}" type="slidenum">
              <a:rPr lang="en-US" smtClean="0"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5583398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4884D80-B825-47BF-8C92-89A5146EE27F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8832028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7BBCBD4-3A6C-B94A-8F49-554A70DA965A}" type="slidenum">
              <a:rPr lang="en-NO" smtClean="0"/>
              <a:t>7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297287506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4884D80-B825-47BF-8C92-89A5146EE27F}" type="slidenum">
              <a:rPr lang="en-US" smtClean="0"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6160284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4884D80-B825-47BF-8C92-89A5146EE27F}" type="slidenum">
              <a:rPr lang="en-US" smtClean="0"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8556052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7BBCBD4-3A6C-B94A-8F49-554A70DA965A}" type="slidenum">
              <a:rPr lang="en-NO" smtClean="0"/>
              <a:t>10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141214446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B0543F-FE64-F306-D156-9DEC68CFA6E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NO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E615A1F-EDCD-1BFD-A8B7-D57EAB9B7E9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NO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B8B3A83-B33D-31FB-BA96-A53FB6EDF6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3CFA43-F116-674C-80B3-97654E9D8F07}" type="datetimeFigureOut">
              <a:rPr lang="en-NO" smtClean="0"/>
              <a:t>14/04/2023</a:t>
            </a:fld>
            <a:endParaRPr lang="en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21E7D4C-5F6A-FC77-358B-78500AC7755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1EEE165-E0F0-8FE7-C719-DD155285AF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170783706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1CCC05-F69E-4FDE-D52A-6C94FF3198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O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E42967E-A4C2-20A8-0EA0-3E2B02DF327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O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250A51-D38C-294E-9225-BCBEAE98AB1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3CFA43-F116-674C-80B3-97654E9D8F07}" type="datetimeFigureOut">
              <a:rPr lang="en-NO" smtClean="0"/>
              <a:t>14/04/2023</a:t>
            </a:fld>
            <a:endParaRPr lang="en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753B154-D7F5-24AF-C29F-881AD5EF169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0AFE623-8D25-D2FC-2AC9-CF2F6C237B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390214044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AAE52C0-BF0E-5398-9BB3-72FE64D81F7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NO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E4A1C03-243A-F7B4-6942-5FF011411CE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O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92B9B77-2E88-8869-6950-7069996986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3CFA43-F116-674C-80B3-97654E9D8F07}" type="datetimeFigureOut">
              <a:rPr lang="en-NO" smtClean="0"/>
              <a:t>14/04/2023</a:t>
            </a:fld>
            <a:endParaRPr lang="en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0824748-60A3-C111-A6BA-DB4A417DCF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B287E73-3643-788C-D9EC-AA6B51DAE2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352490374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Full Page Text">
    <p:bg>
      <p:bgPr>
        <a:blipFill dpi="0" rotWithShape="1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15">
            <a:extLst>
              <a:ext uri="{FF2B5EF4-FFF2-40B4-BE49-F238E27FC236}">
                <a16:creationId xmlns:a16="http://schemas.microsoft.com/office/drawing/2014/main" id="{89D75595-639F-4983-8AB0-DE5160456FF1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28700" y="731520"/>
            <a:ext cx="10355580" cy="586105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80000"/>
              </a:lnSpc>
              <a:buNone/>
              <a:defRPr sz="4400" b="1">
                <a:solidFill>
                  <a:srgbClr val="3C454A"/>
                </a:solidFill>
                <a:latin typeface="+mj-lt"/>
              </a:defRPr>
            </a:lvl1pPr>
          </a:lstStyle>
          <a:p>
            <a:pPr lvl="0"/>
            <a:r>
              <a:rPr lang="lv-LV" dirty="0" err="1"/>
              <a:t>Headline</a:t>
            </a:r>
            <a:r>
              <a:rPr lang="lv-LV" dirty="0"/>
              <a:t> </a:t>
            </a:r>
            <a:r>
              <a:rPr lang="lv-LV" dirty="0" err="1"/>
              <a:t>example</a:t>
            </a:r>
            <a:endParaRPr lang="en-GB" dirty="0"/>
          </a:p>
        </p:txBody>
      </p:sp>
      <p:sp>
        <p:nvSpPr>
          <p:cNvPr id="5" name="Text Placeholder 17">
            <a:extLst>
              <a:ext uri="{FF2B5EF4-FFF2-40B4-BE49-F238E27FC236}">
                <a16:creationId xmlns:a16="http://schemas.microsoft.com/office/drawing/2014/main" id="{99030FE9-0D50-4248-9DBC-C956EA298CF4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1028700" y="1768474"/>
            <a:ext cx="10408920" cy="3946525"/>
          </a:xfrm>
          <a:prstGeom prst="rect">
            <a:avLst/>
          </a:prstGeom>
        </p:spPr>
        <p:txBody>
          <a:bodyPr/>
          <a:lstStyle>
            <a:lvl1pPr marL="0" indent="0">
              <a:buClr>
                <a:srgbClr val="008A00"/>
              </a:buClr>
              <a:buSzPct val="125000"/>
              <a:buNone/>
              <a:defRPr sz="2000">
                <a:solidFill>
                  <a:srgbClr val="3C454A"/>
                </a:solidFill>
              </a:defRPr>
            </a:lvl1pPr>
            <a:lvl2pPr marL="457200" indent="0">
              <a:buClr>
                <a:srgbClr val="008A00"/>
              </a:buClr>
              <a:buSzPct val="125000"/>
              <a:buNone/>
              <a:defRPr sz="2000">
                <a:solidFill>
                  <a:srgbClr val="3C454A"/>
                </a:solidFill>
              </a:defRPr>
            </a:lvl2pPr>
            <a:lvl3pPr marL="914400" indent="0">
              <a:buClr>
                <a:srgbClr val="008A00"/>
              </a:buClr>
              <a:buSzPct val="125000"/>
              <a:buNone/>
              <a:defRPr sz="2000">
                <a:solidFill>
                  <a:srgbClr val="3C454A"/>
                </a:solidFill>
              </a:defRPr>
            </a:lvl3pPr>
            <a:lvl4pPr marL="1371600" indent="0">
              <a:buClr>
                <a:srgbClr val="008A00"/>
              </a:buClr>
              <a:buSzPct val="125000"/>
              <a:buNone/>
              <a:defRPr sz="2000">
                <a:solidFill>
                  <a:srgbClr val="3C454A"/>
                </a:solidFill>
              </a:defRPr>
            </a:lvl4pPr>
            <a:lvl5pPr marL="1828800" indent="0">
              <a:buClr>
                <a:srgbClr val="008A00"/>
              </a:buClr>
              <a:buSzPct val="125000"/>
              <a:buNone/>
              <a:defRPr sz="2000">
                <a:solidFill>
                  <a:srgbClr val="3C454A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5932930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Right Side Picture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13">
            <a:extLst>
              <a:ext uri="{FF2B5EF4-FFF2-40B4-BE49-F238E27FC236}">
                <a16:creationId xmlns:a16="http://schemas.microsoft.com/office/drawing/2014/main" id="{84047F10-05B1-4497-B327-8EA2C005AA8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7627938" y="0"/>
            <a:ext cx="4564062" cy="6858000"/>
          </a:xfrm>
          <a:prstGeom prst="rect">
            <a:avLst/>
          </a:prstGeom>
        </p:spPr>
        <p:txBody>
          <a:bodyPr/>
          <a:lstStyle/>
          <a:p>
            <a:r>
              <a:rPr lang="en-US" dirty="0"/>
              <a:t>Click icon to add picture</a:t>
            </a:r>
            <a:endParaRPr lang="en-GB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60F0E2F8-FC76-4706-A200-AE65B8B346ED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28700" y="1280160"/>
            <a:ext cx="5791200" cy="1447165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80000"/>
              </a:lnSpc>
              <a:buNone/>
              <a:defRPr sz="4400" b="1">
                <a:solidFill>
                  <a:srgbClr val="3C454A"/>
                </a:solidFill>
                <a:latin typeface="+mj-lt"/>
              </a:defRPr>
            </a:lvl1pPr>
          </a:lstStyle>
          <a:p>
            <a:pPr lvl="0"/>
            <a:r>
              <a:rPr lang="lv-LV" dirty="0" err="1"/>
              <a:t>Headline</a:t>
            </a:r>
            <a:r>
              <a:rPr lang="lv-LV" dirty="0"/>
              <a:t> </a:t>
            </a:r>
            <a:r>
              <a:rPr lang="lv-LV" dirty="0" err="1"/>
              <a:t>example</a:t>
            </a:r>
            <a:endParaRPr lang="lv-LV" dirty="0"/>
          </a:p>
          <a:p>
            <a:pPr lvl="0"/>
            <a:r>
              <a:rPr lang="lv-LV" dirty="0" err="1"/>
              <a:t>with</a:t>
            </a:r>
            <a:r>
              <a:rPr lang="lv-LV" dirty="0"/>
              <a:t> </a:t>
            </a:r>
            <a:r>
              <a:rPr lang="lv-LV" dirty="0" err="1"/>
              <a:t>an</a:t>
            </a:r>
            <a:r>
              <a:rPr lang="lv-LV" dirty="0"/>
              <a:t> </a:t>
            </a:r>
            <a:r>
              <a:rPr lang="lv-LV" dirty="0" err="1"/>
              <a:t>emphasis</a:t>
            </a:r>
            <a:endParaRPr lang="en-GB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D8E9370F-5ACC-4D98-A7E8-DCC60DD138CB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1028701" y="3063875"/>
            <a:ext cx="5791200" cy="2743200"/>
          </a:xfrm>
          <a:prstGeom prst="rect">
            <a:avLst/>
          </a:prstGeom>
        </p:spPr>
        <p:txBody>
          <a:bodyPr/>
          <a:lstStyle>
            <a:lvl1pPr marL="0" indent="0">
              <a:buClr>
                <a:srgbClr val="008A00"/>
              </a:buClr>
              <a:buSzPct val="125000"/>
              <a:buNone/>
              <a:defRPr sz="2000">
                <a:solidFill>
                  <a:srgbClr val="3C454A"/>
                </a:solidFill>
              </a:defRPr>
            </a:lvl1pPr>
            <a:lvl2pPr marL="457200" indent="0">
              <a:buClr>
                <a:srgbClr val="008A00"/>
              </a:buClr>
              <a:buSzPct val="125000"/>
              <a:buNone/>
              <a:defRPr sz="2000">
                <a:solidFill>
                  <a:srgbClr val="3C454A"/>
                </a:solidFill>
              </a:defRPr>
            </a:lvl2pPr>
            <a:lvl3pPr marL="914400" indent="0">
              <a:buClr>
                <a:srgbClr val="008A00"/>
              </a:buClr>
              <a:buSzPct val="125000"/>
              <a:buNone/>
              <a:defRPr sz="2000">
                <a:solidFill>
                  <a:srgbClr val="3C454A"/>
                </a:solidFill>
              </a:defRPr>
            </a:lvl3pPr>
            <a:lvl4pPr marL="1371600" indent="0">
              <a:buClr>
                <a:srgbClr val="008A00"/>
              </a:buClr>
              <a:buSzPct val="125000"/>
              <a:buNone/>
              <a:defRPr sz="2000">
                <a:solidFill>
                  <a:srgbClr val="3C454A"/>
                </a:solidFill>
              </a:defRPr>
            </a:lvl4pPr>
            <a:lvl5pPr marL="1828800" indent="0">
              <a:buClr>
                <a:srgbClr val="008A00"/>
              </a:buClr>
              <a:buSzPct val="125000"/>
              <a:buNone/>
              <a:defRPr sz="2000">
                <a:solidFill>
                  <a:srgbClr val="3C454A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2951115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Left side Picture Bullsetpoi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3">
            <a:extLst>
              <a:ext uri="{FF2B5EF4-FFF2-40B4-BE49-F238E27FC236}">
                <a16:creationId xmlns:a16="http://schemas.microsoft.com/office/drawing/2014/main" id="{99FB40F1-0086-42E6-BD94-68D263D55692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4564062" cy="6858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2" name="Text Placeholder 15">
            <a:extLst>
              <a:ext uri="{FF2B5EF4-FFF2-40B4-BE49-F238E27FC236}">
                <a16:creationId xmlns:a16="http://schemas.microsoft.com/office/drawing/2014/main" id="{DF4FB3DB-65A3-40B8-8707-E8C1D1752599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5379720" y="1280160"/>
            <a:ext cx="5791200" cy="1447165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80000"/>
              </a:lnSpc>
              <a:buNone/>
              <a:defRPr sz="4400" b="1">
                <a:solidFill>
                  <a:srgbClr val="3C454A"/>
                </a:solidFill>
                <a:latin typeface="+mj-lt"/>
              </a:defRPr>
            </a:lvl1pPr>
          </a:lstStyle>
          <a:p>
            <a:pPr lvl="0"/>
            <a:r>
              <a:rPr lang="lv-LV" dirty="0" err="1"/>
              <a:t>Headline</a:t>
            </a:r>
            <a:r>
              <a:rPr lang="lv-LV" dirty="0"/>
              <a:t> </a:t>
            </a:r>
            <a:r>
              <a:rPr lang="lv-LV" dirty="0" err="1"/>
              <a:t>example</a:t>
            </a:r>
            <a:endParaRPr lang="lv-LV" dirty="0"/>
          </a:p>
          <a:p>
            <a:pPr lvl="0"/>
            <a:r>
              <a:rPr lang="lv-LV" dirty="0" err="1"/>
              <a:t>with</a:t>
            </a:r>
            <a:r>
              <a:rPr lang="lv-LV" dirty="0"/>
              <a:t> </a:t>
            </a:r>
            <a:r>
              <a:rPr lang="lv-LV" dirty="0" err="1"/>
              <a:t>an</a:t>
            </a:r>
            <a:r>
              <a:rPr lang="lv-LV" dirty="0"/>
              <a:t> </a:t>
            </a:r>
            <a:r>
              <a:rPr lang="lv-LV" dirty="0" err="1"/>
              <a:t>emphasis</a:t>
            </a:r>
            <a:endParaRPr lang="en-GB" dirty="0"/>
          </a:p>
        </p:txBody>
      </p:sp>
      <p:sp>
        <p:nvSpPr>
          <p:cNvPr id="13" name="Text Placeholder 17">
            <a:extLst>
              <a:ext uri="{FF2B5EF4-FFF2-40B4-BE49-F238E27FC236}">
                <a16:creationId xmlns:a16="http://schemas.microsoft.com/office/drawing/2014/main" id="{C0F4687C-5496-474F-8366-0B05E888890D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5379721" y="3063875"/>
            <a:ext cx="5791200" cy="2743200"/>
          </a:xfrm>
          <a:prstGeom prst="rect">
            <a:avLst/>
          </a:prstGeom>
        </p:spPr>
        <p:txBody>
          <a:bodyPr/>
          <a:lstStyle>
            <a:lvl1pPr>
              <a:buClr>
                <a:srgbClr val="008A00"/>
              </a:buClr>
              <a:buSzPct val="125000"/>
              <a:defRPr sz="2000">
                <a:solidFill>
                  <a:srgbClr val="3C454A"/>
                </a:solidFill>
              </a:defRPr>
            </a:lvl1pPr>
            <a:lvl2pPr>
              <a:buClr>
                <a:srgbClr val="008A00"/>
              </a:buClr>
              <a:buSzPct val="125000"/>
              <a:defRPr sz="2000">
                <a:solidFill>
                  <a:srgbClr val="3C454A"/>
                </a:solidFill>
              </a:defRPr>
            </a:lvl2pPr>
            <a:lvl3pPr>
              <a:buClr>
                <a:srgbClr val="008A00"/>
              </a:buClr>
              <a:buSzPct val="125000"/>
              <a:defRPr sz="2000">
                <a:solidFill>
                  <a:srgbClr val="3C454A"/>
                </a:solidFill>
              </a:defRPr>
            </a:lvl3pPr>
            <a:lvl4pPr>
              <a:buClr>
                <a:srgbClr val="008A00"/>
              </a:buClr>
              <a:buSzPct val="125000"/>
              <a:defRPr sz="2000">
                <a:solidFill>
                  <a:srgbClr val="3C454A"/>
                </a:solidFill>
              </a:defRPr>
            </a:lvl4pPr>
            <a:lvl5pPr>
              <a:buClr>
                <a:srgbClr val="008A00"/>
              </a:buClr>
              <a:buSzPct val="125000"/>
              <a:defRPr sz="2000">
                <a:solidFill>
                  <a:srgbClr val="3C454A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3486205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Right Side Picture Bulletpoi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13">
            <a:extLst>
              <a:ext uri="{FF2B5EF4-FFF2-40B4-BE49-F238E27FC236}">
                <a16:creationId xmlns:a16="http://schemas.microsoft.com/office/drawing/2014/main" id="{84047F10-05B1-4497-B327-8EA2C005AA8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7627938" y="0"/>
            <a:ext cx="4564062" cy="6858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60F0E2F8-FC76-4706-A200-AE65B8B346ED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28700" y="1280160"/>
            <a:ext cx="5791200" cy="1447165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80000"/>
              </a:lnSpc>
              <a:buNone/>
              <a:defRPr sz="4400" b="1">
                <a:solidFill>
                  <a:srgbClr val="3C454A"/>
                </a:solidFill>
                <a:latin typeface="+mj-lt"/>
              </a:defRPr>
            </a:lvl1pPr>
          </a:lstStyle>
          <a:p>
            <a:pPr lvl="0"/>
            <a:r>
              <a:rPr lang="lv-LV" dirty="0" err="1"/>
              <a:t>Headline</a:t>
            </a:r>
            <a:r>
              <a:rPr lang="lv-LV" dirty="0"/>
              <a:t> </a:t>
            </a:r>
            <a:r>
              <a:rPr lang="lv-LV" dirty="0" err="1"/>
              <a:t>example</a:t>
            </a:r>
            <a:endParaRPr lang="lv-LV" dirty="0"/>
          </a:p>
          <a:p>
            <a:pPr lvl="0"/>
            <a:r>
              <a:rPr lang="lv-LV" dirty="0" err="1"/>
              <a:t>with</a:t>
            </a:r>
            <a:r>
              <a:rPr lang="lv-LV" dirty="0"/>
              <a:t> </a:t>
            </a:r>
            <a:r>
              <a:rPr lang="lv-LV" dirty="0" err="1"/>
              <a:t>an</a:t>
            </a:r>
            <a:r>
              <a:rPr lang="lv-LV" dirty="0"/>
              <a:t> </a:t>
            </a:r>
            <a:r>
              <a:rPr lang="lv-LV" dirty="0" err="1"/>
              <a:t>emphasis</a:t>
            </a:r>
            <a:endParaRPr lang="en-GB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D8E9370F-5ACC-4D98-A7E8-DCC60DD138CB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1028701" y="3063875"/>
            <a:ext cx="5791200" cy="2743200"/>
          </a:xfrm>
          <a:prstGeom prst="rect">
            <a:avLst/>
          </a:prstGeom>
        </p:spPr>
        <p:txBody>
          <a:bodyPr/>
          <a:lstStyle>
            <a:lvl1pPr>
              <a:buClr>
                <a:srgbClr val="008A00"/>
              </a:buClr>
              <a:buSzPct val="125000"/>
              <a:defRPr sz="2000">
                <a:solidFill>
                  <a:srgbClr val="3C454A"/>
                </a:solidFill>
              </a:defRPr>
            </a:lvl1pPr>
            <a:lvl2pPr>
              <a:buClr>
                <a:srgbClr val="008A00"/>
              </a:buClr>
              <a:buSzPct val="125000"/>
              <a:defRPr sz="2000">
                <a:solidFill>
                  <a:srgbClr val="3C454A"/>
                </a:solidFill>
              </a:defRPr>
            </a:lvl2pPr>
            <a:lvl3pPr>
              <a:buClr>
                <a:srgbClr val="008A00"/>
              </a:buClr>
              <a:buSzPct val="125000"/>
              <a:defRPr sz="2000">
                <a:solidFill>
                  <a:srgbClr val="3C454A"/>
                </a:solidFill>
              </a:defRPr>
            </a:lvl3pPr>
            <a:lvl4pPr>
              <a:buClr>
                <a:srgbClr val="008A00"/>
              </a:buClr>
              <a:buSzPct val="125000"/>
              <a:defRPr sz="2000">
                <a:solidFill>
                  <a:srgbClr val="3C454A"/>
                </a:solidFill>
              </a:defRPr>
            </a:lvl4pPr>
            <a:lvl5pPr>
              <a:buClr>
                <a:srgbClr val="008A00"/>
              </a:buClr>
              <a:buSzPct val="125000"/>
              <a:defRPr sz="2000">
                <a:solidFill>
                  <a:srgbClr val="3C454A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7279297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and Content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noProof="0"/>
              <a:t>Klicka här för att ändra mall för rubrikformat</a:t>
            </a:r>
            <a:endParaRPr lang="en-US" noProof="0"/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/>
          </p:nvPr>
        </p:nvSpPr>
        <p:spPr>
          <a:xfrm>
            <a:off x="358774" y="985838"/>
            <a:ext cx="11476800" cy="4843479"/>
          </a:xfrm>
        </p:spPr>
        <p:txBody>
          <a:bodyPr/>
          <a:lstStyle/>
          <a:p>
            <a:pPr lvl="0"/>
            <a:r>
              <a:rPr lang="sv-SE" noProof="0"/>
              <a:t>Klicka här för att ändra format på bakgrundstexten</a:t>
            </a:r>
          </a:p>
          <a:p>
            <a:pPr lvl="1"/>
            <a:r>
              <a:rPr lang="sv-SE" noProof="0"/>
              <a:t>Nivå två</a:t>
            </a:r>
          </a:p>
          <a:p>
            <a:pPr lvl="2"/>
            <a:r>
              <a:rPr lang="sv-SE" noProof="0"/>
              <a:t>Nivå tre</a:t>
            </a:r>
          </a:p>
          <a:p>
            <a:pPr lvl="3"/>
            <a:r>
              <a:rPr lang="sv-SE" noProof="0"/>
              <a:t>Nivå fyra</a:t>
            </a:r>
          </a:p>
          <a:p>
            <a:pPr lvl="4"/>
            <a:r>
              <a:rPr lang="sv-SE" noProof="0"/>
              <a:t>Nivå fem</a:t>
            </a:r>
            <a:endParaRPr lang="en-US" noProof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2"/>
          </p:nvPr>
        </p:nvSpPr>
        <p:spPr>
          <a:xfrm>
            <a:off x="358774" y="6843600"/>
            <a:ext cx="360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7103284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05AD0F-54BE-1F16-1B6E-47D8AE8EB6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6275566-2B47-6985-3866-FF11AB083A2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O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79224FC-E694-4F28-15B7-4043634D81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3CFA43-F116-674C-80B3-97654E9D8F07}" type="datetimeFigureOut">
              <a:rPr lang="en-NO" smtClean="0"/>
              <a:t>14/04/2023</a:t>
            </a:fld>
            <a:endParaRPr lang="en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D3A710C-EA32-53DE-B5ED-A50242EECB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DA8083C-3E33-8143-F360-608A7CE94F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1661652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02DE52-336F-6505-F419-538B7A01C9E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4624C25-AB51-19F6-D81C-F527063C93C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3E924B7-BD23-8B49-08F5-03E1CFD8BE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3CFA43-F116-674C-80B3-97654E9D8F07}" type="datetimeFigureOut">
              <a:rPr lang="en-NO" smtClean="0"/>
              <a:t>14/04/2023</a:t>
            </a:fld>
            <a:endParaRPr lang="en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633A8E6-766B-62D7-8F3C-7B7477300D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3985202-5A17-4E7D-7CC7-D85125145C6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15448424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462421-2814-0C71-EE81-29C0198EBA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ECD189E-6373-B93D-6598-B39A810C9A3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O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7B29CAE-E33F-FA35-FB33-45FEB8E7DA6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O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C207D35-0D2A-89FD-2111-A6E5B33E6E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3CFA43-F116-674C-80B3-97654E9D8F07}" type="datetimeFigureOut">
              <a:rPr lang="en-NO" smtClean="0"/>
              <a:t>14/04/2023</a:t>
            </a:fld>
            <a:endParaRPr lang="en-NO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CFCA64C-D47F-13FF-5720-AD72AF69F7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5164D26-C8CE-7500-9789-A4500D942E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370877151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44319F-A868-E8C8-1654-FA384F2DBD7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F752EA1-0718-49B9-180F-AB01B960193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834DCEC-7312-CBF0-2096-C8F4AB355F0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O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61A1957-4D99-0B51-5F25-6DBE3D84D1E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9647F28-B4BC-9F66-BE72-B934ECC89BF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O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345FD59-DF2B-7C1E-B163-A1FCA467B3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3CFA43-F116-674C-80B3-97654E9D8F07}" type="datetimeFigureOut">
              <a:rPr lang="en-NO" smtClean="0"/>
              <a:t>14/04/2023</a:t>
            </a:fld>
            <a:endParaRPr lang="en-NO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43B925A-7CE8-13C5-7F01-E6006CD04B6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F734ACE-5C5C-8064-A4CB-88497C0558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248164367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F006ED4-A8C8-88E8-11AC-042A9188DF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O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7C20AF3-8FE1-52DF-6205-C8B90BA663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3CFA43-F116-674C-80B3-97654E9D8F07}" type="datetimeFigureOut">
              <a:rPr lang="en-NO" smtClean="0"/>
              <a:t>14/04/2023</a:t>
            </a:fld>
            <a:endParaRPr lang="en-NO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18D02B3-FA39-62C1-C7A6-3CFE153137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D1AACD6-F3B4-2BB5-0311-9C23801700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57587069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592BBB4-368E-C5D7-D772-8886178CD6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3CFA43-F116-674C-80B3-97654E9D8F07}" type="datetimeFigureOut">
              <a:rPr lang="en-NO" smtClean="0"/>
              <a:t>14/04/2023</a:t>
            </a:fld>
            <a:endParaRPr lang="en-NO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9FD1CAD-F945-EA80-B87A-C9B0EA48D8A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01A04FD-D68A-961E-8CB1-CFAB415B2F3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352500366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085A02-E05D-298E-29FB-D273045B81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91AD9C1-B2F5-9778-5691-9C7A5BC01F2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O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CA492EA-CD82-CBA4-06B2-47D0BF96659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8FB1524-D4A9-C5C6-E1B3-F7EF91B06B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3CFA43-F116-674C-80B3-97654E9D8F07}" type="datetimeFigureOut">
              <a:rPr lang="en-NO" smtClean="0"/>
              <a:t>14/04/2023</a:t>
            </a:fld>
            <a:endParaRPr lang="en-NO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BD36BB3-9664-E497-078F-BB07B7E8D5D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FFB970F-D685-40F2-D31A-E1573FC24D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49059558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6A8634-0A55-1391-9809-5DCFDAD719D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1CB64E4-D9DE-C649-D7A5-DFA552D5012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NO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853721E-0372-FE30-C83D-956B5F5968E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5F6FB4C-9593-6763-6AD3-384D243049F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3CFA43-F116-674C-80B3-97654E9D8F07}" type="datetimeFigureOut">
              <a:rPr lang="en-NO" smtClean="0"/>
              <a:t>14/04/2023</a:t>
            </a:fld>
            <a:endParaRPr lang="en-NO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443E7E6-E8B8-36F5-C04C-8DFFF0D17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58F98D5-7849-8776-B471-E8545D5A66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302207134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D69A316-2BC1-A339-5630-DEAF5AD5F0D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388F86E-020E-0264-3CC1-5D583DF9C8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O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A0F5DC2-3A9F-AB1A-3D86-50F5F2370CA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E3CFA43-F116-674C-80B3-97654E9D8F07}" type="datetimeFigureOut">
              <a:rPr lang="en-NO" smtClean="0"/>
              <a:t>14/04/2023</a:t>
            </a:fld>
            <a:endParaRPr lang="en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E0E1DAF-7C1A-7861-0876-07668425336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C9793E7-9C76-0A98-766D-42BB875CBF6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667BE45-DB86-2C43-AA6A-7D63D45C5F3C}" type="slidenum">
              <a:rPr lang="en-NO" smtClean="0"/>
              <a:t>‹#›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15707773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  <p:sldLayoutId id="2147483662" r:id="rId14"/>
    <p:sldLayoutId id="2147483663" r:id="rId15"/>
    <p:sldLayoutId id="2147483664" r:id="rId16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7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e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21.png"/><Relationship Id="rId4" Type="http://schemas.openxmlformats.org/officeDocument/2006/relationships/hyperlink" Target="https://github.com/sjovang/ksu-vgs-azure-intro" TargetMode="Externa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trond.sjovang.no/" TargetMode="Externa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3.png"/><Relationship Id="rId4" Type="http://schemas.openxmlformats.org/officeDocument/2006/relationships/hyperlink" Target="https://github.com/sjovang" TargetMode="Externa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1.xml"/><Relationship Id="rId6" Type="http://schemas.openxmlformats.org/officeDocument/2006/relationships/image" Target="../media/image4.jpeg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6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3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jpe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7" Type="http://schemas.openxmlformats.org/officeDocument/2006/relationships/image" Target="../media/image8.png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5.xml"/><Relationship Id="rId6" Type="http://schemas.openxmlformats.org/officeDocument/2006/relationships/image" Target="../media/image6.png"/><Relationship Id="rId5" Type="http://schemas.openxmlformats.org/officeDocument/2006/relationships/notesSlide" Target="../notesSlides/notesSlide4.xml"/><Relationship Id="rId4" Type="http://schemas.openxmlformats.org/officeDocument/2006/relationships/slideLayout" Target="../slideLayouts/slideLayout1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7">
            <a:extLst>
              <a:ext uri="{FF2B5EF4-FFF2-40B4-BE49-F238E27FC236}">
                <a16:creationId xmlns:a16="http://schemas.microsoft.com/office/drawing/2014/main" id="{EB988D4C-7B6A-7B1D-6D48-351CCE0BA3E1}"/>
              </a:ext>
            </a:extLst>
          </p:cNvPr>
          <p:cNvSpPr txBox="1">
            <a:spLocks/>
          </p:cNvSpPr>
          <p:nvPr/>
        </p:nvSpPr>
        <p:spPr>
          <a:xfrm>
            <a:off x="0" y="5630091"/>
            <a:ext cx="12192000" cy="1227908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NO" sz="7200" dirty="0">
                <a:solidFill>
                  <a:schemeClr val="bg1"/>
                </a:solidFill>
              </a:rPr>
              <a:t>Azure intro</a:t>
            </a:r>
          </a:p>
        </p:txBody>
      </p:sp>
    </p:spTree>
    <p:extLst>
      <p:ext uri="{BB962C8B-B14F-4D97-AF65-F5344CB8AC3E}">
        <p14:creationId xmlns:p14="http://schemas.microsoft.com/office/powerpoint/2010/main" val="169470911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>
            <a:extLst>
              <a:ext uri="{FF2B5EF4-FFF2-40B4-BE49-F238E27FC236}">
                <a16:creationId xmlns:a16="http://schemas.microsoft.com/office/drawing/2014/main" id="{899E62F8-08EE-0467-9F32-C6C7D369796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238125"/>
            <a:ext cx="12192000" cy="63801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64623186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1D31598A-1FA6-F21C-2E80-9A407B19C29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12294973" cy="6848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8825108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>
            <a:extLst>
              <a:ext uri="{FF2B5EF4-FFF2-40B4-BE49-F238E27FC236}">
                <a16:creationId xmlns:a16="http://schemas.microsoft.com/office/drawing/2014/main" id="{3D4B53DC-9233-136B-1310-9D86717BD17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9262" y="359674"/>
            <a:ext cx="10753475" cy="63298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56592506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146" name="Picture 2" descr="AKS landing zone accelerator - Cloud Adoption Framework | Microsoft Learn">
            <a:extLst>
              <a:ext uri="{FF2B5EF4-FFF2-40B4-BE49-F238E27FC236}">
                <a16:creationId xmlns:a16="http://schemas.microsoft.com/office/drawing/2014/main" id="{67560A55-DE87-6851-0850-6C3CCC7148C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3689" y="0"/>
            <a:ext cx="110236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62897356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Placeholder 5" descr="A person sitting on a couch with his hand on his head&#10;&#10;Description automatically generated with medium confidence">
            <a:extLst>
              <a:ext uri="{FF2B5EF4-FFF2-40B4-BE49-F238E27FC236}">
                <a16:creationId xmlns:a16="http://schemas.microsoft.com/office/drawing/2014/main" id="{40FBB3B8-1809-F9C3-1FD0-12DB6AEB8190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627" r="13627"/>
          <a:stretch>
            <a:fillRect/>
          </a:stretch>
        </p:blipFill>
        <p:spPr/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E6523E0-0A27-447D-3BDC-02BE4B95011E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5379720" y="919213"/>
            <a:ext cx="5791200" cy="1447165"/>
          </a:xfrm>
        </p:spPr>
        <p:txBody>
          <a:bodyPr/>
          <a:lstStyle/>
          <a:p>
            <a:r>
              <a:rPr lang="en-NO" dirty="0"/>
              <a:t>Azure Landing Zones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CF1A116-F10D-CB30-8CAD-5A950690BAAC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5379720" y="2057400"/>
            <a:ext cx="5791200" cy="2743200"/>
          </a:xfrm>
        </p:spPr>
        <p:txBody>
          <a:bodyPr>
            <a:noAutofit/>
          </a:bodyPr>
          <a:lstStyle/>
          <a:p>
            <a:r>
              <a:rPr lang="en-NO" sz="4400" dirty="0"/>
              <a:t>Separasjon av ansvar</a:t>
            </a:r>
          </a:p>
          <a:p>
            <a:r>
              <a:rPr lang="en-NO" sz="4400" dirty="0"/>
              <a:t>Demokratisering av IT</a:t>
            </a:r>
          </a:p>
          <a:p>
            <a:r>
              <a:rPr lang="en-NO" sz="4400" dirty="0"/>
              <a:t>Skalering</a:t>
            </a:r>
          </a:p>
          <a:p>
            <a:r>
              <a:rPr lang="en-NO" sz="4400" dirty="0"/>
              <a:t>Gjenkjennbart</a:t>
            </a:r>
          </a:p>
        </p:txBody>
      </p:sp>
    </p:spTree>
    <p:extLst>
      <p:ext uri="{BB962C8B-B14F-4D97-AF65-F5344CB8AC3E}">
        <p14:creationId xmlns:p14="http://schemas.microsoft.com/office/powerpoint/2010/main" val="3668291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Placeholder 7" descr="A doctor using a computer&#10;&#10;Description automatically generated with medium confidence">
            <a:extLst>
              <a:ext uri="{FF2B5EF4-FFF2-40B4-BE49-F238E27FC236}">
                <a16:creationId xmlns:a16="http://schemas.microsoft.com/office/drawing/2014/main" id="{A473DF78-D34C-AB0B-F9C9-21D071BCEB6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004" r="5004"/>
          <a:stretch>
            <a:fillRect/>
          </a:stretch>
        </p:blipFill>
        <p:spPr/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800F81A-7C68-451C-0065-4EACA3ECE53E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86299" y="786531"/>
            <a:ext cx="6356838" cy="1447165"/>
          </a:xfrm>
        </p:spPr>
        <p:txBody>
          <a:bodyPr/>
          <a:lstStyle/>
          <a:p>
            <a:r>
              <a:rPr lang="en-NO" dirty="0"/>
              <a:t>Infrastruktur som kod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E100033-81F9-EF46-CE1A-D8FD2A0458E6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1028700" y="2233696"/>
            <a:ext cx="6356837" cy="2743200"/>
          </a:xfrm>
        </p:spPr>
        <p:txBody>
          <a:bodyPr>
            <a:noAutofit/>
          </a:bodyPr>
          <a:lstStyle/>
          <a:p>
            <a:r>
              <a:rPr lang="en-NO" sz="4400" dirty="0"/>
              <a:t>Raskere</a:t>
            </a:r>
          </a:p>
          <a:p>
            <a:r>
              <a:rPr lang="en-NO" sz="4400" dirty="0"/>
              <a:t>Sporing av endringer</a:t>
            </a:r>
          </a:p>
          <a:p>
            <a:r>
              <a:rPr lang="en-NO" sz="4400" dirty="0"/>
              <a:t>Konsistente miljø</a:t>
            </a:r>
          </a:p>
          <a:p>
            <a:r>
              <a:rPr lang="en-NO" sz="4400" dirty="0"/>
              <a:t>Unngå menneskelige feil</a:t>
            </a:r>
          </a:p>
        </p:txBody>
      </p:sp>
    </p:spTree>
    <p:extLst>
      <p:ext uri="{BB962C8B-B14F-4D97-AF65-F5344CB8AC3E}">
        <p14:creationId xmlns:p14="http://schemas.microsoft.com/office/powerpoint/2010/main" val="10248847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lum/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221E4C6F-9A4F-44C6-D0BE-5A2C707FE918}"/>
              </a:ext>
            </a:extLst>
          </p:cNvPr>
          <p:cNvSpPr/>
          <p:nvPr/>
        </p:nvSpPr>
        <p:spPr>
          <a:xfrm>
            <a:off x="5402179" y="2659559"/>
            <a:ext cx="6789821" cy="769441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NO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3DB5F28C-7978-5877-05FB-6618B48A4FEC}"/>
              </a:ext>
            </a:extLst>
          </p:cNvPr>
          <p:cNvSpPr txBox="1"/>
          <p:nvPr/>
        </p:nvSpPr>
        <p:spPr>
          <a:xfrm>
            <a:off x="5534526" y="2659559"/>
            <a:ext cx="6657474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NO" sz="4400" dirty="0">
                <a:solidFill>
                  <a:schemeClr val="bg1"/>
                </a:solidFill>
                <a:latin typeface="+mj-lt"/>
              </a:rPr>
              <a:t>Hva er det lurt å bli god på?</a:t>
            </a:r>
          </a:p>
        </p:txBody>
      </p:sp>
    </p:spTree>
    <p:extLst>
      <p:ext uri="{BB962C8B-B14F-4D97-AF65-F5344CB8AC3E}">
        <p14:creationId xmlns:p14="http://schemas.microsoft.com/office/powerpoint/2010/main" val="310155082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lum/>
          </a:blip>
          <a:srcRect/>
          <a:stretch>
            <a:fillRect t="-4000" b="-4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hlinkClick r:id="rId4"/>
            <a:extLst>
              <a:ext uri="{FF2B5EF4-FFF2-40B4-BE49-F238E27FC236}">
                <a16:creationId xmlns:a16="http://schemas.microsoft.com/office/drawing/2014/main" id="{AE83D709-DC02-39D6-2828-7D33167263C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72715" y="394282"/>
            <a:ext cx="3513221" cy="3513221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1C379C52-77A1-D754-3CE1-E14E09F23B23}"/>
              </a:ext>
            </a:extLst>
          </p:cNvPr>
          <p:cNvSpPr txBox="1"/>
          <p:nvPr/>
        </p:nvSpPr>
        <p:spPr>
          <a:xfrm>
            <a:off x="272715" y="5017168"/>
            <a:ext cx="6166560" cy="144655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NO" sz="8800" dirty="0">
                <a:solidFill>
                  <a:schemeClr val="bg1"/>
                </a:solidFill>
                <a:latin typeface="+mj-lt"/>
              </a:rPr>
              <a:t>Learn more ?</a:t>
            </a:r>
          </a:p>
        </p:txBody>
      </p:sp>
    </p:spTree>
    <p:extLst>
      <p:ext uri="{BB962C8B-B14F-4D97-AF65-F5344CB8AC3E}">
        <p14:creationId xmlns:p14="http://schemas.microsoft.com/office/powerpoint/2010/main" val="420901365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>
            <a:lumMod val="85000"/>
            <a:lumOff val="1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0FA6F16-9722-7E39-3ED3-4F1DE54B2D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12192000" cy="1325563"/>
          </a:xfrm>
        </p:spPr>
        <p:txBody>
          <a:bodyPr/>
          <a:lstStyle/>
          <a:p>
            <a:pPr algn="ctr"/>
            <a:r>
              <a:rPr lang="en-NO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whoam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76BCCE-0246-4DFE-6BC7-B5731F204CE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6137031" cy="4351338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NO" sz="4400" dirty="0">
                <a:solidFill>
                  <a:schemeClr val="bg1"/>
                </a:solidFill>
              </a:rPr>
              <a:t>Trond Jakob Sjøvang</a:t>
            </a:r>
          </a:p>
          <a:p>
            <a:pPr marL="0" indent="0">
              <a:buNone/>
            </a:pPr>
            <a:endParaRPr lang="en-NO" sz="3600" dirty="0">
              <a:solidFill>
                <a:schemeClr val="bg1"/>
              </a:solidFill>
            </a:endParaRPr>
          </a:p>
          <a:p>
            <a:pPr marL="0" indent="0">
              <a:buNone/>
            </a:pPr>
            <a:r>
              <a:rPr lang="en-NO" dirty="0">
                <a:solidFill>
                  <a:schemeClr val="bg1"/>
                </a:solidFill>
              </a:rPr>
              <a:t>Cloud Architect @ Atea</a:t>
            </a:r>
            <a:br>
              <a:rPr lang="en-NO" dirty="0">
                <a:solidFill>
                  <a:schemeClr val="bg1"/>
                </a:solidFill>
              </a:rPr>
            </a:br>
            <a:br>
              <a:rPr lang="en-NO" dirty="0">
                <a:solidFill>
                  <a:schemeClr val="bg1"/>
                </a:solidFill>
              </a:rPr>
            </a:br>
            <a:r>
              <a:rPr lang="en-NO" dirty="0">
                <a:solidFill>
                  <a:schemeClr val="accent6">
                    <a:lumMod val="60000"/>
                    <a:lumOff val="40000"/>
                  </a:schemeClr>
                </a:solidFill>
                <a:latin typeface="+mj-lt"/>
                <a:ea typeface="+mj-ea"/>
                <a:cs typeface="+mj-cs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trond.sjovang.no</a:t>
            </a:r>
            <a:br>
              <a:rPr lang="en-NO" dirty="0">
                <a:solidFill>
                  <a:schemeClr val="accent6">
                    <a:lumMod val="60000"/>
                    <a:lumOff val="40000"/>
                  </a:schemeClr>
                </a:solidFill>
                <a:latin typeface="+mj-lt"/>
                <a:ea typeface="+mj-ea"/>
                <a:cs typeface="+mj-cs"/>
              </a:rPr>
            </a:br>
            <a:br>
              <a:rPr lang="en-NO" dirty="0">
                <a:solidFill>
                  <a:schemeClr val="accent6">
                    <a:lumMod val="60000"/>
                    <a:lumOff val="40000"/>
                  </a:schemeClr>
                </a:solidFill>
                <a:latin typeface="+mj-lt"/>
                <a:ea typeface="+mj-ea"/>
                <a:cs typeface="+mj-cs"/>
              </a:rPr>
            </a:br>
            <a:r>
              <a:rPr lang="en-NO" dirty="0">
                <a:solidFill>
                  <a:schemeClr val="accent6">
                    <a:lumMod val="60000"/>
                    <a:lumOff val="40000"/>
                  </a:schemeClr>
                </a:solidFill>
                <a:latin typeface="+mj-lt"/>
                <a:ea typeface="+mj-ea"/>
                <a:cs typeface="+mj-cs"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github.com/sjovang</a:t>
            </a:r>
            <a:endParaRPr lang="en-NO" dirty="0">
              <a:solidFill>
                <a:schemeClr val="accent6">
                  <a:lumMod val="60000"/>
                  <a:lumOff val="40000"/>
                </a:schemeClr>
              </a:solidFill>
              <a:latin typeface="+mj-lt"/>
              <a:ea typeface="+mj-ea"/>
              <a:cs typeface="+mj-cs"/>
            </a:endParaRPr>
          </a:p>
          <a:p>
            <a:pPr marL="0" indent="0">
              <a:buNone/>
            </a:pPr>
            <a:endParaRPr lang="en-NO" dirty="0">
              <a:solidFill>
                <a:schemeClr val="bg1"/>
              </a:solidFill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0C9DA29-E2D6-D3AD-110D-C2CA20C17CE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379189" y="1825625"/>
            <a:ext cx="4279900" cy="4279900"/>
          </a:xfrm>
          <a:prstGeom prst="ellipse">
            <a:avLst/>
          </a:prstGeom>
        </p:spPr>
      </p:pic>
    </p:spTree>
    <p:extLst>
      <p:ext uri="{BB962C8B-B14F-4D97-AF65-F5344CB8AC3E}">
        <p14:creationId xmlns:p14="http://schemas.microsoft.com/office/powerpoint/2010/main" val="52024698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69">
            <a:extLst>
              <a:ext uri="{FF2B5EF4-FFF2-40B4-BE49-F238E27FC236}">
                <a16:creationId xmlns:a16="http://schemas.microsoft.com/office/drawing/2014/main" id="{901B116C-DE7C-1ECD-A6EE-F2CE068B7B89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4052" b="23714"/>
          <a:stretch/>
        </p:blipFill>
        <p:spPr>
          <a:xfrm flipH="1">
            <a:off x="0" y="0"/>
            <a:ext cx="12192000" cy="3429000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10F8DE66-3990-8C68-2D59-3852D0638409}"/>
              </a:ext>
            </a:extLst>
          </p:cNvPr>
          <p:cNvSpPr/>
          <p:nvPr/>
        </p:nvSpPr>
        <p:spPr>
          <a:xfrm>
            <a:off x="0" y="1"/>
            <a:ext cx="12191999" cy="3428999"/>
          </a:xfrm>
          <a:prstGeom prst="rect">
            <a:avLst/>
          </a:prstGeom>
          <a:solidFill>
            <a:schemeClr val="tx1">
              <a:alpha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bg1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9D958E8-E203-4A22-9563-853FEC89230F}"/>
              </a:ext>
            </a:extLst>
          </p:cNvPr>
          <p:cNvSpPr txBox="1"/>
          <p:nvPr/>
        </p:nvSpPr>
        <p:spPr>
          <a:xfrm>
            <a:off x="685709" y="2206794"/>
            <a:ext cx="5410284" cy="6924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0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tea </a:t>
            </a:r>
            <a:r>
              <a:rPr kumimoji="0" lang="en-US" sz="5000" b="1" i="0" u="none" strike="noStrike" kern="1200" cap="none" spc="0" normalizeH="0" baseline="0" noProof="0" dirty="0" err="1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å</a:t>
            </a:r>
            <a:r>
              <a:rPr kumimoji="0" lang="en-US" sz="50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1 </a:t>
            </a:r>
            <a:r>
              <a:rPr kumimoji="0" lang="en-US" sz="5000" b="1" i="0" u="none" strike="noStrike" kern="1200" cap="none" spc="0" normalizeH="0" baseline="0" noProof="0" dirty="0" err="1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minutt</a:t>
            </a:r>
            <a:endParaRPr kumimoji="0" lang="en-US" sz="5000" b="1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4DB9EA62-A2A3-EEE4-F1DB-4AFCF42CC677}"/>
              </a:ext>
            </a:extLst>
          </p:cNvPr>
          <p:cNvCxnSpPr>
            <a:cxnSpLocks/>
          </p:cNvCxnSpPr>
          <p:nvPr/>
        </p:nvCxnSpPr>
        <p:spPr>
          <a:xfrm>
            <a:off x="0" y="0"/>
            <a:ext cx="0" cy="6858000"/>
          </a:xfrm>
          <a:prstGeom prst="line">
            <a:avLst/>
          </a:prstGeom>
          <a:ln w="57150">
            <a:solidFill>
              <a:srgbClr val="008A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" name="TextBox 54">
            <a:extLst>
              <a:ext uri="{FF2B5EF4-FFF2-40B4-BE49-F238E27FC236}">
                <a16:creationId xmlns:a16="http://schemas.microsoft.com/office/drawing/2014/main" id="{CCFD472F-B680-43E4-A084-F59AF9BBA13B}"/>
              </a:ext>
            </a:extLst>
          </p:cNvPr>
          <p:cNvSpPr txBox="1"/>
          <p:nvPr/>
        </p:nvSpPr>
        <p:spPr>
          <a:xfrm>
            <a:off x="595927" y="5169717"/>
            <a:ext cx="128200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R="0" lvl="0" algn="ctr" defTabSz="1219170" rtl="0" eaLnBrk="1" fontAlgn="auto" latinLnBrk="0" hangingPunct="1">
              <a:spcBef>
                <a:spcPts val="600"/>
              </a:spcBef>
              <a:spcAft>
                <a:spcPts val="0"/>
              </a:spcAft>
              <a:buClr>
                <a:srgbClr val="008A00"/>
              </a:buClr>
              <a:buSzTx/>
              <a:tabLst/>
              <a:defRPr/>
            </a:pPr>
            <a:r>
              <a:rPr kumimoji="0" lang="nb-NO" sz="800" b="0" i="0" u="none" strike="noStrike" kern="1200" cap="none" spc="0" normalizeH="0" baseline="0" noProof="0" dirty="0">
                <a:ln>
                  <a:noFill/>
                </a:ln>
                <a:solidFill>
                  <a:srgbClr val="4D575D"/>
                </a:solidFill>
                <a:effectLst/>
                <a:uLnTx/>
                <a:uFillTx/>
                <a:latin typeface="Arial"/>
                <a:ea typeface="+mn-ea"/>
                <a:cs typeface="Calibri" panose="020F0502020204030204" pitchFamily="34" charset="0"/>
              </a:rPr>
              <a:t>Markedsleder innenfor Informasjonsteknologi </a:t>
            </a:r>
            <a:br>
              <a:rPr kumimoji="0" lang="nb-NO" sz="800" b="0" i="0" u="none" strike="noStrike" kern="1200" cap="none" spc="0" normalizeH="0" baseline="0" noProof="0" dirty="0">
                <a:ln>
                  <a:noFill/>
                </a:ln>
                <a:solidFill>
                  <a:srgbClr val="4D575D"/>
                </a:solidFill>
                <a:effectLst/>
                <a:uLnTx/>
                <a:uFillTx/>
                <a:latin typeface="Arial"/>
                <a:ea typeface="+mn-ea"/>
                <a:cs typeface="Calibri" panose="020F0502020204030204" pitchFamily="34" charset="0"/>
              </a:rPr>
            </a:br>
            <a:r>
              <a:rPr kumimoji="0" lang="nb-NO" sz="800" b="0" i="0" u="none" strike="noStrike" kern="1200" cap="none" spc="0" normalizeH="0" baseline="0" noProof="0" dirty="0">
                <a:ln>
                  <a:noFill/>
                </a:ln>
                <a:solidFill>
                  <a:srgbClr val="4D575D"/>
                </a:solidFill>
                <a:effectLst/>
                <a:uLnTx/>
                <a:uFillTx/>
                <a:latin typeface="Arial"/>
                <a:ea typeface="+mn-ea"/>
                <a:cs typeface="Calibri" panose="020F0502020204030204" pitchFamily="34" charset="0"/>
              </a:rPr>
              <a:t>i Norden og Baltikum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0F158E78-136D-C1C3-2070-0446A6B11677}"/>
              </a:ext>
            </a:extLst>
          </p:cNvPr>
          <p:cNvSpPr txBox="1"/>
          <p:nvPr/>
        </p:nvSpPr>
        <p:spPr>
          <a:xfrm>
            <a:off x="739472" y="4602377"/>
            <a:ext cx="993366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defTabSz="1219170">
              <a:spcBef>
                <a:spcPts val="600"/>
              </a:spcBef>
              <a:buClr>
                <a:srgbClr val="008A00"/>
              </a:buClr>
              <a:defRPr/>
            </a:pP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chemeClr val="accent6">
                    <a:lumMod val="75000"/>
                  </a:scheme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Nr.1</a:t>
            </a:r>
            <a:endParaRPr kumimoji="0" lang="lv-LV" sz="800" b="1" i="0" u="none" strike="noStrike" kern="1200" cap="none" spc="0" normalizeH="0" baseline="0" noProof="0" dirty="0">
              <a:ln>
                <a:noFill/>
              </a:ln>
              <a:solidFill>
                <a:schemeClr val="accent6">
                  <a:lumMod val="75000"/>
                </a:schemeClr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4C00774-060C-64C8-229B-CF5686FB5D22}"/>
              </a:ext>
            </a:extLst>
          </p:cNvPr>
          <p:cNvSpPr txBox="1"/>
          <p:nvPr/>
        </p:nvSpPr>
        <p:spPr>
          <a:xfrm>
            <a:off x="2110507" y="5169717"/>
            <a:ext cx="140181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R="0" lvl="0" algn="ctr" defTabSz="1219170" rtl="0" eaLnBrk="1" fontAlgn="auto" latinLnBrk="0" hangingPunct="1">
              <a:spcBef>
                <a:spcPts val="600"/>
              </a:spcBef>
              <a:spcAft>
                <a:spcPts val="0"/>
              </a:spcAft>
              <a:buClr>
                <a:srgbClr val="008A00"/>
              </a:buClr>
              <a:buSzTx/>
              <a:tabLst/>
              <a:defRPr/>
            </a:pPr>
            <a:r>
              <a:rPr kumimoji="0" lang="nb-NO" sz="800" b="0" i="0" u="none" strike="noStrike" kern="1200" cap="none" spc="0" normalizeH="0" baseline="0" noProof="0">
                <a:ln>
                  <a:noFill/>
                </a:ln>
                <a:solidFill>
                  <a:srgbClr val="4D575D"/>
                </a:solidFill>
                <a:effectLst/>
                <a:uLnTx/>
                <a:uFillTx/>
                <a:latin typeface="Arial"/>
                <a:ea typeface="+mn-ea"/>
                <a:cs typeface="Calibri" panose="020F0502020204030204" pitchFamily="34" charset="0"/>
              </a:rPr>
              <a:t>Atea har 9900 kunder, både offentlige og privat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1288BE0-B7EE-BDEB-44A5-2F4A71BD5B15}"/>
              </a:ext>
            </a:extLst>
          </p:cNvPr>
          <p:cNvSpPr txBox="1"/>
          <p:nvPr/>
        </p:nvSpPr>
        <p:spPr>
          <a:xfrm>
            <a:off x="2276887" y="4602377"/>
            <a:ext cx="1089686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defTabSz="1219170">
              <a:spcBef>
                <a:spcPts val="600"/>
              </a:spcBef>
              <a:buClr>
                <a:srgbClr val="008A00"/>
              </a:buClr>
              <a:defRPr/>
            </a:pPr>
            <a:r>
              <a:rPr kumimoji="0" lang="lv-LV" sz="3200" b="1" i="0" u="none" strike="noStrike" kern="1200" cap="none" spc="0" normalizeH="0" baseline="0" noProof="0" dirty="0">
                <a:ln>
                  <a:noFill/>
                </a:ln>
                <a:solidFill>
                  <a:schemeClr val="accent6">
                    <a:lumMod val="75000"/>
                  </a:scheme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9900</a:t>
            </a:r>
            <a:endParaRPr kumimoji="0" lang="lv-LV" sz="800" b="1" i="0" u="none" strike="noStrike" kern="1200" cap="none" spc="0" normalizeH="0" baseline="0" noProof="0" dirty="0">
              <a:ln>
                <a:noFill/>
              </a:ln>
              <a:solidFill>
                <a:schemeClr val="accent6">
                  <a:lumMod val="75000"/>
                </a:schemeClr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FF4D8333-DA10-D5A3-1EDA-E94231A101B3}"/>
              </a:ext>
            </a:extLst>
          </p:cNvPr>
          <p:cNvCxnSpPr>
            <a:cxnSpLocks/>
          </p:cNvCxnSpPr>
          <p:nvPr/>
        </p:nvCxnSpPr>
        <p:spPr>
          <a:xfrm>
            <a:off x="1967697" y="4585013"/>
            <a:ext cx="0" cy="1080791"/>
          </a:xfrm>
          <a:prstGeom prst="line">
            <a:avLst/>
          </a:prstGeom>
          <a:ln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807365BA-2C34-7156-D38B-3649BA67B4FB}"/>
              </a:ext>
            </a:extLst>
          </p:cNvPr>
          <p:cNvSpPr txBox="1"/>
          <p:nvPr/>
        </p:nvSpPr>
        <p:spPr>
          <a:xfrm>
            <a:off x="3828629" y="5169717"/>
            <a:ext cx="140181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R="0" lvl="0" algn="ctr" defTabSz="1219170" rtl="0" eaLnBrk="1" fontAlgn="auto" latinLnBrk="0" hangingPunct="1">
              <a:spcBef>
                <a:spcPts val="600"/>
              </a:spcBef>
              <a:spcAft>
                <a:spcPts val="0"/>
              </a:spcAft>
              <a:buClr>
                <a:srgbClr val="008A00"/>
              </a:buClr>
              <a:buSzTx/>
              <a:tabLst/>
              <a:defRPr/>
            </a:pPr>
            <a:r>
              <a:rPr kumimoji="0" lang="nb-NO" sz="800" b="0" i="0" u="none" strike="noStrike" kern="1200" cap="none" spc="0" normalizeH="0" baseline="0" noProof="0">
                <a:ln>
                  <a:noFill/>
                </a:ln>
                <a:solidFill>
                  <a:srgbClr val="4D575D"/>
                </a:solidFill>
                <a:effectLst/>
                <a:uLnTx/>
                <a:uFillTx/>
                <a:latin typeface="Arial"/>
                <a:ea typeface="+mn-ea"/>
                <a:cs typeface="Calibri" panose="020F0502020204030204" pitchFamily="34" charset="0"/>
              </a:rPr>
              <a:t>Atea har over 7500 ansatte i 87 byer i Norden og Baltikum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CF586084-3959-61ED-EC71-4C7860C9FE06}"/>
              </a:ext>
            </a:extLst>
          </p:cNvPr>
          <p:cNvSpPr txBox="1"/>
          <p:nvPr/>
        </p:nvSpPr>
        <p:spPr>
          <a:xfrm>
            <a:off x="3865201" y="4602377"/>
            <a:ext cx="1328671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defTabSz="1219170">
              <a:spcBef>
                <a:spcPts val="600"/>
              </a:spcBef>
              <a:buClr>
                <a:srgbClr val="008A00"/>
              </a:buClr>
              <a:defRPr/>
            </a:pPr>
            <a:r>
              <a:rPr kumimoji="0" lang="lv-LV" sz="3200" b="1" i="0" u="none" strike="noStrike" kern="1200" cap="none" spc="0" normalizeH="0" baseline="0" noProof="0" dirty="0">
                <a:ln>
                  <a:noFill/>
                </a:ln>
                <a:solidFill>
                  <a:schemeClr val="accent6">
                    <a:lumMod val="75000"/>
                  </a:scheme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+7500</a:t>
            </a: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66503CB5-0DA6-5425-EFBA-9738013483B8}"/>
              </a:ext>
            </a:extLst>
          </p:cNvPr>
          <p:cNvCxnSpPr>
            <a:cxnSpLocks/>
          </p:cNvCxnSpPr>
          <p:nvPr/>
        </p:nvCxnSpPr>
        <p:spPr>
          <a:xfrm>
            <a:off x="3659665" y="4585013"/>
            <a:ext cx="0" cy="1080791"/>
          </a:xfrm>
          <a:prstGeom prst="line">
            <a:avLst/>
          </a:prstGeom>
          <a:ln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Box 15">
            <a:extLst>
              <a:ext uri="{FF2B5EF4-FFF2-40B4-BE49-F238E27FC236}">
                <a16:creationId xmlns:a16="http://schemas.microsoft.com/office/drawing/2014/main" id="{48AFD4AC-3BFD-53E2-206C-6AF75A2CEDF6}"/>
              </a:ext>
            </a:extLst>
          </p:cNvPr>
          <p:cNvSpPr txBox="1"/>
          <p:nvPr/>
        </p:nvSpPr>
        <p:spPr>
          <a:xfrm>
            <a:off x="5594871" y="5169717"/>
            <a:ext cx="1005190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R="0" lvl="0" algn="ctr" defTabSz="1219170" rtl="0" eaLnBrk="1" fontAlgn="auto" latinLnBrk="0" hangingPunct="1">
              <a:spcBef>
                <a:spcPts val="600"/>
              </a:spcBef>
              <a:spcAft>
                <a:spcPts val="0"/>
              </a:spcAft>
              <a:buClr>
                <a:srgbClr val="008A00"/>
              </a:buClr>
              <a:buSzTx/>
              <a:tabLst/>
              <a:defRPr/>
            </a:pPr>
            <a:r>
              <a:rPr kumimoji="0" lang="nb-NO" sz="800" b="0" i="0" u="none" strike="noStrike" kern="1200" cap="none" spc="0" normalizeH="0" baseline="0" noProof="0">
                <a:ln>
                  <a:noFill/>
                </a:ln>
                <a:solidFill>
                  <a:srgbClr val="4D575D"/>
                </a:solidFill>
                <a:effectLst/>
                <a:uLnTx/>
                <a:uFillTx/>
                <a:latin typeface="Arial"/>
                <a:ea typeface="+mn-ea"/>
                <a:cs typeface="Calibri" panose="020F0502020204030204" pitchFamily="34" charset="0"/>
              </a:rPr>
              <a:t>Vi leverer IT-tjenester til 50 land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0F1B53F0-4281-927E-0A4A-F7FBE3F02B16}"/>
              </a:ext>
            </a:extLst>
          </p:cNvPr>
          <p:cNvSpPr txBox="1"/>
          <p:nvPr/>
        </p:nvSpPr>
        <p:spPr>
          <a:xfrm>
            <a:off x="5552623" y="4602377"/>
            <a:ext cx="1089686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defTabSz="1219170">
              <a:spcBef>
                <a:spcPts val="600"/>
              </a:spcBef>
              <a:buClr>
                <a:srgbClr val="008A00"/>
              </a:buClr>
              <a:defRPr/>
            </a:pPr>
            <a:r>
              <a:rPr kumimoji="0" lang="lv-LV" sz="3200" b="1" i="0" u="none" strike="noStrike" kern="1200" cap="none" spc="0" normalizeH="0" baseline="0" noProof="0" dirty="0">
                <a:ln>
                  <a:noFill/>
                </a:ln>
                <a:solidFill>
                  <a:schemeClr val="accent6">
                    <a:lumMod val="75000"/>
                  </a:scheme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50</a:t>
            </a:r>
            <a:endParaRPr kumimoji="0" lang="lv-LV" sz="800" b="1" i="0" u="none" strike="noStrike" kern="1200" cap="none" spc="0" normalizeH="0" baseline="0" noProof="0" dirty="0">
              <a:ln>
                <a:noFill/>
              </a:ln>
              <a:solidFill>
                <a:schemeClr val="accent6">
                  <a:lumMod val="75000"/>
                </a:schemeClr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399FDE94-AEF0-F09C-40FC-56CA7C10335C}"/>
              </a:ext>
            </a:extLst>
          </p:cNvPr>
          <p:cNvCxnSpPr>
            <a:cxnSpLocks/>
          </p:cNvCxnSpPr>
          <p:nvPr/>
        </p:nvCxnSpPr>
        <p:spPr>
          <a:xfrm>
            <a:off x="5394150" y="4585013"/>
            <a:ext cx="0" cy="1080791"/>
          </a:xfrm>
          <a:prstGeom prst="line">
            <a:avLst/>
          </a:prstGeom>
          <a:ln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Box 18">
            <a:extLst>
              <a:ext uri="{FF2B5EF4-FFF2-40B4-BE49-F238E27FC236}">
                <a16:creationId xmlns:a16="http://schemas.microsoft.com/office/drawing/2014/main" id="{F29656D8-7CFC-590D-BAE3-33A4AB5F0F65}"/>
              </a:ext>
            </a:extLst>
          </p:cNvPr>
          <p:cNvSpPr txBox="1"/>
          <p:nvPr/>
        </p:nvSpPr>
        <p:spPr>
          <a:xfrm>
            <a:off x="6906714" y="5169717"/>
            <a:ext cx="140181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R="0" lvl="0" algn="ctr" defTabSz="1219170" rtl="0" eaLnBrk="1" fontAlgn="auto" latinLnBrk="0" hangingPunct="1">
              <a:spcBef>
                <a:spcPts val="600"/>
              </a:spcBef>
              <a:spcAft>
                <a:spcPts val="0"/>
              </a:spcAft>
              <a:buClr>
                <a:srgbClr val="008A00"/>
              </a:buClr>
              <a:buSzTx/>
              <a:tabLst/>
              <a:defRPr/>
            </a:pPr>
            <a:r>
              <a:rPr kumimoji="0" lang="nb-NO" sz="800" b="0" i="0" u="none" strike="noStrike" kern="1200" cap="none" spc="0" normalizeH="0" baseline="0" noProof="0">
                <a:ln>
                  <a:noFill/>
                </a:ln>
                <a:solidFill>
                  <a:srgbClr val="4D575D"/>
                </a:solidFill>
                <a:effectLst/>
                <a:uLnTx/>
                <a:uFillTx/>
                <a:latin typeface="Arial"/>
                <a:ea typeface="+mn-ea"/>
                <a:cs typeface="Calibri" panose="020F0502020204030204" pitchFamily="34" charset="0"/>
              </a:rPr>
              <a:t>Markedsandel i Norden og Baltikum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6FA98CEB-4835-9F68-3B3E-BA770C7B4A85}"/>
              </a:ext>
            </a:extLst>
          </p:cNvPr>
          <p:cNvSpPr txBox="1"/>
          <p:nvPr/>
        </p:nvSpPr>
        <p:spPr>
          <a:xfrm>
            <a:off x="7083001" y="4602377"/>
            <a:ext cx="1037618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defTabSz="1219170">
              <a:spcBef>
                <a:spcPts val="600"/>
              </a:spcBef>
              <a:buClr>
                <a:srgbClr val="008A00"/>
              </a:buClr>
              <a:defRPr/>
            </a:pPr>
            <a:r>
              <a:rPr kumimoji="0" lang="lv-LV" sz="3200" b="1" i="0" u="none" strike="noStrike" kern="1200" cap="none" spc="0" normalizeH="0" baseline="0" noProof="0" dirty="0">
                <a:ln>
                  <a:noFill/>
                </a:ln>
                <a:solidFill>
                  <a:schemeClr val="accent6">
                    <a:lumMod val="75000"/>
                  </a:scheme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20%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F26394A5-6E7C-5835-D0B4-F4B520D7C657}"/>
              </a:ext>
            </a:extLst>
          </p:cNvPr>
          <p:cNvCxnSpPr>
            <a:cxnSpLocks/>
          </p:cNvCxnSpPr>
          <p:nvPr/>
        </p:nvCxnSpPr>
        <p:spPr>
          <a:xfrm>
            <a:off x="6797851" y="4585013"/>
            <a:ext cx="0" cy="1080791"/>
          </a:xfrm>
          <a:prstGeom prst="line">
            <a:avLst/>
          </a:prstGeom>
          <a:ln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>
            <a:extLst>
              <a:ext uri="{FF2B5EF4-FFF2-40B4-BE49-F238E27FC236}">
                <a16:creationId xmlns:a16="http://schemas.microsoft.com/office/drawing/2014/main" id="{A7BB15E3-CACD-5990-DAB5-BB12F233A0EF}"/>
              </a:ext>
            </a:extLst>
          </p:cNvPr>
          <p:cNvSpPr txBox="1"/>
          <p:nvPr/>
        </p:nvSpPr>
        <p:spPr>
          <a:xfrm>
            <a:off x="8470826" y="5169717"/>
            <a:ext cx="140181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R="0" lvl="0" algn="ctr" defTabSz="1219170" rtl="0" eaLnBrk="1" fontAlgn="auto" latinLnBrk="0" hangingPunct="1">
              <a:spcBef>
                <a:spcPts val="600"/>
              </a:spcBef>
              <a:spcAft>
                <a:spcPts val="0"/>
              </a:spcAft>
              <a:buClr>
                <a:srgbClr val="008A00"/>
              </a:buClr>
              <a:buSzTx/>
              <a:tabLst/>
              <a:defRPr/>
            </a:pPr>
            <a:r>
              <a:rPr kumimoji="0" lang="nb-NO" sz="800" b="0" i="0" u="none" strike="noStrike" kern="1200" cap="none" spc="0" normalizeH="0" baseline="0" noProof="0" dirty="0">
                <a:ln>
                  <a:noFill/>
                </a:ln>
                <a:solidFill>
                  <a:srgbClr val="4D575D"/>
                </a:solidFill>
                <a:effectLst/>
                <a:uLnTx/>
                <a:uFillTx/>
                <a:latin typeface="Arial"/>
                <a:ea typeface="+mn-ea"/>
                <a:cs typeface="Calibri" panose="020F0502020204030204" pitchFamily="34" charset="0"/>
              </a:rPr>
              <a:t>Største selskap innenfor informasjonsteknologi i Europa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F1A5CA52-DC98-6445-08E7-0823E6224E78}"/>
              </a:ext>
            </a:extLst>
          </p:cNvPr>
          <p:cNvSpPr txBox="1"/>
          <p:nvPr/>
        </p:nvSpPr>
        <p:spPr>
          <a:xfrm>
            <a:off x="8637206" y="4602377"/>
            <a:ext cx="1089686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defTabSz="1219170">
              <a:spcBef>
                <a:spcPts val="600"/>
              </a:spcBef>
              <a:buClr>
                <a:srgbClr val="008A00"/>
              </a:buClr>
              <a:defRPr/>
            </a:pPr>
            <a:r>
              <a:rPr kumimoji="0" lang="lv-LV" sz="3200" b="1" i="0" u="none" strike="noStrike" kern="1200" cap="none" spc="0" normalizeH="0" baseline="0" noProof="0" dirty="0">
                <a:ln>
                  <a:noFill/>
                </a:ln>
                <a:solidFill>
                  <a:schemeClr val="accent6">
                    <a:lumMod val="75000"/>
                  </a:scheme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Nr.3</a:t>
            </a:r>
            <a:endParaRPr kumimoji="0" lang="lv-LV" sz="800" b="1" i="0" u="none" strike="noStrike" kern="1200" cap="none" spc="0" normalizeH="0" baseline="0" noProof="0" dirty="0">
              <a:ln>
                <a:noFill/>
              </a:ln>
              <a:solidFill>
                <a:schemeClr val="accent6">
                  <a:lumMod val="75000"/>
                </a:schemeClr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E7231453-4D40-A29D-A944-9841BDED19AA}"/>
              </a:ext>
            </a:extLst>
          </p:cNvPr>
          <p:cNvCxnSpPr>
            <a:cxnSpLocks/>
          </p:cNvCxnSpPr>
          <p:nvPr/>
        </p:nvCxnSpPr>
        <p:spPr>
          <a:xfrm>
            <a:off x="8411900" y="4585013"/>
            <a:ext cx="0" cy="1080791"/>
          </a:xfrm>
          <a:prstGeom prst="line">
            <a:avLst/>
          </a:prstGeom>
          <a:ln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TextBox 24">
            <a:extLst>
              <a:ext uri="{FF2B5EF4-FFF2-40B4-BE49-F238E27FC236}">
                <a16:creationId xmlns:a16="http://schemas.microsoft.com/office/drawing/2014/main" id="{BB5079E4-F19C-09FE-C6AB-77E6AA731A07}"/>
              </a:ext>
            </a:extLst>
          </p:cNvPr>
          <p:cNvSpPr txBox="1"/>
          <p:nvPr/>
        </p:nvSpPr>
        <p:spPr>
          <a:xfrm>
            <a:off x="10062304" y="5169717"/>
            <a:ext cx="140181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R="0" lvl="0" algn="ctr" defTabSz="1219170" rtl="0" eaLnBrk="1" fontAlgn="auto" latinLnBrk="0" hangingPunct="1">
              <a:spcBef>
                <a:spcPts val="600"/>
              </a:spcBef>
              <a:spcAft>
                <a:spcPts val="0"/>
              </a:spcAft>
              <a:buClr>
                <a:srgbClr val="008A00"/>
              </a:buClr>
              <a:buSzTx/>
              <a:tabLst/>
              <a:defRPr/>
            </a:pPr>
            <a:r>
              <a:rPr kumimoji="0" lang="nn-NO" sz="800" b="0" i="0" u="none" strike="noStrike" kern="1200" cap="none" spc="0" normalizeH="0" baseline="0" noProof="0" dirty="0">
                <a:ln>
                  <a:noFill/>
                </a:ln>
                <a:solidFill>
                  <a:srgbClr val="4D575D"/>
                </a:solidFill>
                <a:effectLst/>
                <a:uLnTx/>
                <a:uFillTx/>
                <a:latin typeface="Arial"/>
                <a:ea typeface="+mn-ea"/>
                <a:cs typeface="Calibri" panose="020F0502020204030204" pitchFamily="34" charset="0"/>
              </a:rPr>
              <a:t>Atea </a:t>
            </a:r>
            <a:r>
              <a:rPr kumimoji="0" lang="nn-NO" sz="800" b="0" i="0" u="none" strike="noStrike" kern="1200" cap="none" spc="0" normalizeH="0" baseline="0" noProof="0" dirty="0" err="1">
                <a:ln>
                  <a:noFill/>
                </a:ln>
                <a:solidFill>
                  <a:srgbClr val="4D575D"/>
                </a:solidFill>
                <a:effectLst/>
                <a:uLnTx/>
                <a:uFillTx/>
                <a:latin typeface="Arial"/>
                <a:ea typeface="+mn-ea"/>
                <a:cs typeface="Calibri" panose="020F0502020204030204" pitchFamily="34" charset="0"/>
              </a:rPr>
              <a:t>omsatte</a:t>
            </a:r>
            <a:r>
              <a:rPr kumimoji="0" lang="nn-NO" sz="800" b="0" i="0" u="none" strike="noStrike" kern="1200" cap="none" spc="0" normalizeH="0" baseline="0" noProof="0" dirty="0">
                <a:ln>
                  <a:noFill/>
                </a:ln>
                <a:solidFill>
                  <a:srgbClr val="4D575D"/>
                </a:solidFill>
                <a:effectLst/>
                <a:uLnTx/>
                <a:uFillTx/>
                <a:latin typeface="Arial"/>
                <a:ea typeface="+mn-ea"/>
                <a:cs typeface="Calibri" panose="020F0502020204030204" pitchFamily="34" charset="0"/>
              </a:rPr>
              <a:t> for </a:t>
            </a:r>
            <a:br>
              <a:rPr kumimoji="0" lang="nn-NO" sz="800" b="0" i="0" u="none" strike="noStrike" kern="1200" cap="none" spc="0" normalizeH="0" baseline="0" noProof="0" dirty="0">
                <a:ln>
                  <a:noFill/>
                </a:ln>
                <a:solidFill>
                  <a:srgbClr val="4D575D"/>
                </a:solidFill>
                <a:effectLst/>
                <a:uLnTx/>
                <a:uFillTx/>
                <a:latin typeface="Arial"/>
                <a:ea typeface="+mn-ea"/>
                <a:cs typeface="Calibri" panose="020F0502020204030204" pitchFamily="34" charset="0"/>
              </a:rPr>
            </a:br>
            <a:r>
              <a:rPr kumimoji="0" lang="nn-NO" sz="800" b="0" i="0" u="none" strike="noStrike" kern="1200" cap="none" spc="0" normalizeH="0" baseline="0" noProof="0" dirty="0">
                <a:ln>
                  <a:noFill/>
                </a:ln>
                <a:solidFill>
                  <a:srgbClr val="4D575D"/>
                </a:solidFill>
                <a:effectLst/>
                <a:uLnTx/>
                <a:uFillTx/>
                <a:latin typeface="Arial"/>
                <a:ea typeface="+mn-ea"/>
                <a:cs typeface="Calibri" panose="020F0502020204030204" pitchFamily="34" charset="0"/>
              </a:rPr>
              <a:t>kr 47 </a:t>
            </a:r>
            <a:r>
              <a:rPr kumimoji="0" lang="nn-NO" sz="800" b="0" i="0" u="none" strike="noStrike" kern="1200" cap="none" spc="0" normalizeH="0" baseline="0" noProof="0" dirty="0" err="1">
                <a:ln>
                  <a:noFill/>
                </a:ln>
                <a:solidFill>
                  <a:srgbClr val="4D575D"/>
                </a:solidFill>
                <a:effectLst/>
                <a:uLnTx/>
                <a:uFillTx/>
                <a:latin typeface="Arial"/>
                <a:ea typeface="+mn-ea"/>
                <a:cs typeface="Calibri" panose="020F0502020204030204" pitchFamily="34" charset="0"/>
              </a:rPr>
              <a:t>mrd</a:t>
            </a:r>
            <a:r>
              <a:rPr kumimoji="0" lang="nn-NO" sz="800" b="0" i="0" u="none" strike="noStrike" kern="1200" cap="none" spc="0" normalizeH="0" baseline="0" noProof="0" dirty="0">
                <a:ln>
                  <a:noFill/>
                </a:ln>
                <a:solidFill>
                  <a:srgbClr val="4D575D"/>
                </a:solidFill>
                <a:effectLst/>
                <a:uLnTx/>
                <a:uFillTx/>
                <a:latin typeface="Arial"/>
                <a:ea typeface="+mn-ea"/>
                <a:cs typeface="Calibri" panose="020F0502020204030204" pitchFamily="34" charset="0"/>
              </a:rPr>
              <a:t> i 202s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4C6A0C51-BC6D-4930-BA76-5A6AF7028780}"/>
              </a:ext>
            </a:extLst>
          </p:cNvPr>
          <p:cNvSpPr txBox="1"/>
          <p:nvPr/>
        </p:nvSpPr>
        <p:spPr>
          <a:xfrm>
            <a:off x="9872450" y="4602377"/>
            <a:ext cx="1866701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defTabSz="1219170">
              <a:spcBef>
                <a:spcPts val="600"/>
              </a:spcBef>
              <a:buClr>
                <a:srgbClr val="008A00"/>
              </a:buClr>
              <a:defRPr/>
            </a:pPr>
            <a:r>
              <a:rPr kumimoji="0" lang="lv-LV" sz="3200" b="1" i="0" u="none" strike="noStrike" kern="1200" cap="none" spc="0" normalizeH="0" baseline="0" noProof="0" dirty="0">
                <a:ln>
                  <a:noFill/>
                </a:ln>
                <a:solidFill>
                  <a:schemeClr val="accent6">
                    <a:lumMod val="75000"/>
                  </a:scheme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4</a:t>
            </a:r>
            <a:r>
              <a:rPr kumimoji="0" lang="nb-NO" sz="3200" b="1" i="0" u="none" strike="noStrike" kern="1200" cap="none" spc="0" normalizeH="0" baseline="0" noProof="0" dirty="0">
                <a:ln>
                  <a:noFill/>
                </a:ln>
                <a:solidFill>
                  <a:schemeClr val="accent6">
                    <a:lumMod val="75000"/>
                  </a:scheme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7 Mrd.</a:t>
            </a:r>
            <a:endParaRPr kumimoji="0" lang="lv-LV" sz="3200" b="1" i="0" u="none" strike="noStrike" kern="1200" cap="none" spc="0" normalizeH="0" baseline="0" noProof="0" dirty="0">
              <a:ln>
                <a:noFill/>
              </a:ln>
              <a:solidFill>
                <a:schemeClr val="accent6">
                  <a:lumMod val="75000"/>
                </a:schemeClr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26FCE4F2-6368-3FC2-0E29-E06D70571F33}"/>
              </a:ext>
            </a:extLst>
          </p:cNvPr>
          <p:cNvCxnSpPr>
            <a:cxnSpLocks/>
          </p:cNvCxnSpPr>
          <p:nvPr/>
        </p:nvCxnSpPr>
        <p:spPr>
          <a:xfrm>
            <a:off x="9938010" y="4585013"/>
            <a:ext cx="0" cy="1080791"/>
          </a:xfrm>
          <a:prstGeom prst="line">
            <a:avLst/>
          </a:prstGeom>
          <a:ln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64958727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lassholder for bilde 10">
            <a:extLst>
              <a:ext uri="{FF2B5EF4-FFF2-40B4-BE49-F238E27FC236}">
                <a16:creationId xmlns:a16="http://schemas.microsoft.com/office/drawing/2014/main" id="{5B2EF6BF-53AE-6A24-1253-03061C168FD4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24" r="624"/>
          <a:stretch/>
        </p:blipFill>
        <p:spPr>
          <a:xfrm>
            <a:off x="-9525" y="0"/>
            <a:ext cx="12201525" cy="6858000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856EDFC4-5F4D-FFC9-6EDA-D28DEA760B73}"/>
              </a:ext>
            </a:extLst>
          </p:cNvPr>
          <p:cNvSpPr/>
          <p:nvPr/>
        </p:nvSpPr>
        <p:spPr>
          <a:xfrm>
            <a:off x="-9525" y="0"/>
            <a:ext cx="12201525" cy="6858000"/>
          </a:xfrm>
          <a:prstGeom prst="rect">
            <a:avLst/>
          </a:prstGeom>
          <a:gradFill>
            <a:gsLst>
              <a:gs pos="0">
                <a:schemeClr val="tx1">
                  <a:alpha val="50000"/>
                </a:schemeClr>
              </a:gs>
              <a:gs pos="87000">
                <a:schemeClr val="tx1">
                  <a:alpha val="0"/>
                </a:schemeClr>
              </a:gs>
            </a:gsLst>
            <a:lin ang="0" scaled="1"/>
          </a:gradFill>
          <a:ln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200" dirty="0" err="1">
              <a:solidFill>
                <a:schemeClr val="bg1"/>
              </a:solidFill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9C357FDC-FE3A-2E89-1475-E1C14B715D43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3636" y="6170226"/>
            <a:ext cx="1339335" cy="351276"/>
          </a:xfrm>
          <a:prstGeom prst="rect">
            <a:avLst/>
          </a:prstGeom>
        </p:spPr>
      </p:pic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0577BAA3-6ED6-A47C-58CC-56BD433D7CAC}"/>
              </a:ext>
            </a:extLst>
          </p:cNvPr>
          <p:cNvCxnSpPr>
            <a:cxnSpLocks/>
          </p:cNvCxnSpPr>
          <p:nvPr/>
        </p:nvCxnSpPr>
        <p:spPr>
          <a:xfrm>
            <a:off x="13802" y="0"/>
            <a:ext cx="0" cy="6858000"/>
          </a:xfrm>
          <a:prstGeom prst="line">
            <a:avLst/>
          </a:prstGeom>
          <a:ln w="57150">
            <a:solidFill>
              <a:srgbClr val="008A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Box 10">
            <a:extLst>
              <a:ext uri="{FF2B5EF4-FFF2-40B4-BE49-F238E27FC236}">
                <a16:creationId xmlns:a16="http://schemas.microsoft.com/office/drawing/2014/main" id="{A5E513D6-12D0-F181-6D9F-C14E641EB8A3}"/>
              </a:ext>
            </a:extLst>
          </p:cNvPr>
          <p:cNvSpPr txBox="1"/>
          <p:nvPr/>
        </p:nvSpPr>
        <p:spPr>
          <a:xfrm>
            <a:off x="7456594" y="2844225"/>
            <a:ext cx="3439150" cy="116955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buClr>
                <a:schemeClr val="bg2"/>
              </a:buClr>
            </a:pPr>
            <a:r>
              <a:rPr lang="nb-NO" sz="1400" ker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Oppnå Ateas visjon om </a:t>
            </a:r>
            <a:r>
              <a:rPr lang="nb-NO" sz="1400" b="1" ker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The Place to Be. </a:t>
            </a:r>
            <a:r>
              <a:rPr lang="nb-NO" sz="1400" ker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Dette innebærer å være ledende i bransjen ved å fortsette å bygge en mangfoldig, likeverdig arbeidsstyrke der vi sammen bygger fremtiden med IT.</a:t>
            </a:r>
          </a:p>
        </p:txBody>
      </p:sp>
      <p:pic>
        <p:nvPicPr>
          <p:cNvPr id="6" name="Picture 5" descr="A picture containing drawing&#10;&#10;Description automatically generated">
            <a:extLst>
              <a:ext uri="{FF2B5EF4-FFF2-40B4-BE49-F238E27FC236}">
                <a16:creationId xmlns:a16="http://schemas.microsoft.com/office/drawing/2014/main" id="{14830620-30A2-EF91-F4F1-EB11BE537F97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44681" y="2215766"/>
            <a:ext cx="4181034" cy="2351831"/>
          </a:xfrm>
          <a:prstGeom prst="rect">
            <a:avLst/>
          </a:prstGeom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26968313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Picture 17">
            <a:extLst>
              <a:ext uri="{FF2B5EF4-FFF2-40B4-BE49-F238E27FC236}">
                <a16:creationId xmlns:a16="http://schemas.microsoft.com/office/drawing/2014/main" id="{1BF13634-E8CA-4149-8A7A-868245D8FAE1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497170" y="6144756"/>
            <a:ext cx="1327261" cy="348109"/>
          </a:xfrm>
          <a:prstGeom prst="rect">
            <a:avLst/>
          </a:prstGeom>
        </p:spPr>
      </p:pic>
      <p:pic>
        <p:nvPicPr>
          <p:cNvPr id="30" name="Picture 29">
            <a:extLst>
              <a:ext uri="{FF2B5EF4-FFF2-40B4-BE49-F238E27FC236}">
                <a16:creationId xmlns:a16="http://schemas.microsoft.com/office/drawing/2014/main" id="{8CE17FC1-B3D3-497D-B16A-745794DCD1A0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497170" y="6169758"/>
            <a:ext cx="1294067" cy="337410"/>
          </a:xfrm>
          <a:prstGeom prst="rect">
            <a:avLst/>
          </a:prstGeom>
        </p:spPr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93F49B97-2C48-A35F-3D9B-1A463D70EC8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dirty="0"/>
              <a:t>define(’public cloud’);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50A9C85-ED9E-BAA1-61B6-51CBDDBBFAA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en-NO" sz="3200" dirty="0"/>
              <a:t>“</a:t>
            </a:r>
            <a:r>
              <a:rPr lang="en-US" sz="3200" b="0" i="0" dirty="0">
                <a:solidFill>
                  <a:srgbClr val="000000"/>
                </a:solidFill>
                <a:effectLst/>
                <a:latin typeface="Segoe UI" panose="020B0502040204020203" pitchFamily="34" charset="0"/>
              </a:rPr>
              <a:t>computing services offered by third-party providers over the public Internet, making them available to anyone who wants to use or purchase them. They may be free or sold on-demand, allowing customers to pay only per usage for the CPU cycles, storage, or bandwidth they consume”</a:t>
            </a:r>
            <a:endParaRPr lang="en-NO" sz="3200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9532960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picture containing icon&#10;&#10;Description automatically generated">
            <a:extLst>
              <a:ext uri="{FF2B5EF4-FFF2-40B4-BE49-F238E27FC236}">
                <a16:creationId xmlns:a16="http://schemas.microsoft.com/office/drawing/2014/main" id="{8E819EFC-D363-C452-7FFD-38DFDE001E2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90715" y="-76200"/>
            <a:ext cx="12402457" cy="744147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FD175ABC-9DCF-2326-A957-33E52F815948}"/>
              </a:ext>
            </a:extLst>
          </p:cNvPr>
          <p:cNvSpPr txBox="1"/>
          <p:nvPr/>
        </p:nvSpPr>
        <p:spPr>
          <a:xfrm>
            <a:off x="4430486" y="1881052"/>
            <a:ext cx="3331028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NO" sz="3200" dirty="0"/>
              <a:t>Someone else’s computer</a:t>
            </a:r>
          </a:p>
        </p:txBody>
      </p:sp>
    </p:spTree>
    <p:extLst>
      <p:ext uri="{BB962C8B-B14F-4D97-AF65-F5344CB8AC3E}">
        <p14:creationId xmlns:p14="http://schemas.microsoft.com/office/powerpoint/2010/main" val="254613272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8" name="Picture 4" descr="shared responsibility model in the cloud">
            <a:extLst>
              <a:ext uri="{FF2B5EF4-FFF2-40B4-BE49-F238E27FC236}">
                <a16:creationId xmlns:a16="http://schemas.microsoft.com/office/drawing/2014/main" id="{31F5D0C9-57C7-5B69-03C7-203A400177D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0583573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Placeholder 7" descr="A picture containing wall, outdoor, brick, tiled&#10;&#10;Description automatically generated">
            <a:extLst>
              <a:ext uri="{FF2B5EF4-FFF2-40B4-BE49-F238E27FC236}">
                <a16:creationId xmlns:a16="http://schemas.microsoft.com/office/drawing/2014/main" id="{75432034-AE46-A574-DCD0-E45A3F800341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3"/>
          <a:srcRect l="28368" r="28368"/>
          <a:stretch>
            <a:fillRect/>
          </a:stretch>
        </p:blipFill>
        <p:spPr/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164D294C-185C-93DB-2987-989EC758B9ED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>
            <a:normAutofit/>
          </a:bodyPr>
          <a:lstStyle/>
          <a:p>
            <a:r>
              <a:rPr lang="en-NO" b="0" dirty="0"/>
              <a:t>Hvorfor </a:t>
            </a:r>
            <a:r>
              <a:rPr lang="en-NO" dirty="0"/>
              <a:t>vil</a:t>
            </a:r>
            <a:r>
              <a:rPr lang="en-NO" b="0" dirty="0"/>
              <a:t> mange flytte til sky?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16083BE-1FE1-71CB-393D-B1C5084E0706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>
            <a:normAutofit lnSpcReduction="10000"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NO" sz="4400" dirty="0"/>
              <a:t>“Alle andre gjør det”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NO" sz="4400" dirty="0"/>
              <a:t>“Vi skal spare penger”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NO" sz="4400" dirty="0"/>
              <a:t>“Vi skal kvitte oss med datarommet"</a:t>
            </a:r>
          </a:p>
        </p:txBody>
      </p:sp>
    </p:spTree>
    <p:extLst>
      <p:ext uri="{BB962C8B-B14F-4D97-AF65-F5344CB8AC3E}">
        <p14:creationId xmlns:p14="http://schemas.microsoft.com/office/powerpoint/2010/main" val="13976729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Placeholder 7">
            <a:extLst>
              <a:ext uri="{FF2B5EF4-FFF2-40B4-BE49-F238E27FC236}">
                <a16:creationId xmlns:a16="http://schemas.microsoft.com/office/drawing/2014/main" id="{6003B0C2-AA53-0C32-2494-CEE5D488A225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472" r="6472"/>
          <a:stretch/>
        </p:blipFill>
        <p:spPr>
          <a:xfrm>
            <a:off x="6808763" y="0"/>
            <a:ext cx="5383237" cy="6858000"/>
          </a:xfr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C258955-486A-D0A4-CBC7-32C5AB44073E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67265" y="508482"/>
            <a:ext cx="6413157" cy="1590314"/>
          </a:xfrm>
        </p:spPr>
        <p:txBody>
          <a:bodyPr>
            <a:normAutofit/>
          </a:bodyPr>
          <a:lstStyle/>
          <a:p>
            <a:r>
              <a:rPr lang="en-NO" b="0" dirty="0"/>
              <a:t>Hvorfor </a:t>
            </a:r>
            <a:r>
              <a:rPr lang="en-NO" dirty="0"/>
              <a:t>bør</a:t>
            </a:r>
            <a:r>
              <a:rPr lang="en-NO" b="0" dirty="0"/>
              <a:t> folk ta </a:t>
            </a:r>
            <a:r>
              <a:rPr lang="en-US" b="0" dirty="0" err="1"/>
              <a:t>i</a:t>
            </a:r>
            <a:r>
              <a:rPr lang="en-US" b="0" dirty="0"/>
              <a:t> bruk </a:t>
            </a:r>
            <a:r>
              <a:rPr lang="en-US" b="0" dirty="0" err="1"/>
              <a:t>skytjenester</a:t>
            </a:r>
            <a:r>
              <a:rPr lang="en-US" b="0" dirty="0"/>
              <a:t>?</a:t>
            </a:r>
            <a:endParaRPr lang="en-NO" b="0" dirty="0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C948FC36-3761-7065-67C3-3FBA6F9F411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67265" y="2317510"/>
            <a:ext cx="5791200" cy="2743200"/>
          </a:xfrm>
        </p:spPr>
        <p:txBody>
          <a:bodyPr>
            <a:normAutofit lnSpcReduction="10000"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NO" sz="4400" dirty="0"/>
              <a:t>Fleksibilite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NO" sz="4400" dirty="0"/>
              <a:t>Ta </a:t>
            </a:r>
            <a:r>
              <a:rPr lang="en-US" sz="4400" dirty="0" err="1"/>
              <a:t>i</a:t>
            </a:r>
            <a:r>
              <a:rPr lang="en-US" sz="4400" dirty="0"/>
              <a:t> bruk </a:t>
            </a:r>
            <a:r>
              <a:rPr lang="en-US" sz="4400" dirty="0" err="1"/>
              <a:t>ny</a:t>
            </a:r>
            <a:r>
              <a:rPr lang="en-US" sz="4400" dirty="0"/>
              <a:t> </a:t>
            </a:r>
            <a:r>
              <a:rPr lang="en-US" sz="4400" dirty="0" err="1"/>
              <a:t>teknologi</a:t>
            </a:r>
            <a:endParaRPr lang="en-NO" sz="4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NO" sz="4400" dirty="0"/>
              <a:t>Utvide kapasite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NO" sz="4400" dirty="0"/>
              <a:t>Frigjøre tid</a:t>
            </a:r>
          </a:p>
        </p:txBody>
      </p:sp>
    </p:spTree>
    <p:extLst>
      <p:ext uri="{BB962C8B-B14F-4D97-AF65-F5344CB8AC3E}">
        <p14:creationId xmlns:p14="http://schemas.microsoft.com/office/powerpoint/2010/main" val="16586274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gudo\AppData\Local\Templafy\AddIns\PowerPointVsto\5f444cfa-5d7c-40d6-ae60-fc2a9aaf3878.jpeg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48182885233957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item1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slideVersion":1,"isValidatorEnabled":false,"isLocked":false,"elementsMetadata":[],"slideId":"638124959858844219","enableDocumentContentUpdater":false,"version":"2.0"}]]></TemplafySlide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slideVersion":1,"isValidatorEnabled":false,"isLocked":false,"elementsMetadata":[],"slideId":"638124959859231898","enableDocumentContentUpdater":false,"version":"2.0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slideVersion":1,"isValidatorEnabled":false,"isLocked":false,"elementsMetadata":[],"slideId":"637812310449985843","enableDocumentContentUpdater":false,"version":"2.0"}]]></TemplafySlideTemplateConfiguration>
</file>

<file path=customXml/itemProps1.xml><?xml version="1.0" encoding="utf-8"?>
<ds:datastoreItem xmlns:ds="http://schemas.openxmlformats.org/officeDocument/2006/customXml" ds:itemID="{D9ACBD6F-4023-8343-B58C-B570085B76D0}">
  <ds:schemaRefs/>
</ds:datastoreItem>
</file>

<file path=customXml/itemProps2.xml><?xml version="1.0" encoding="utf-8"?>
<ds:datastoreItem xmlns:ds="http://schemas.openxmlformats.org/officeDocument/2006/customXml" ds:itemID="{1D1C463D-054C-2F46-A8E0-A1A90F1FB05E}">
  <ds:schemaRefs/>
</ds:datastoreItem>
</file>

<file path=customXml/itemProps3.xml><?xml version="1.0" encoding="utf-8"?>
<ds:datastoreItem xmlns:ds="http://schemas.openxmlformats.org/officeDocument/2006/customXml" ds:itemID="{94D5EFCE-E947-4515-BDBF-64865CFFB860}">
  <ds:schemaRefs/>
</ds:datastoreItem>
</file>

<file path=customXml/itemProps4.xml><?xml version="1.0" encoding="utf-8"?>
<ds:datastoreItem xmlns:ds="http://schemas.openxmlformats.org/officeDocument/2006/customXml" ds:itemID="{99B56C04-CEB1-4AFF-B766-4EBA5797FAAE}">
  <ds:schemaRefs/>
</ds:datastoreItem>
</file>

<file path=customXml/itemProps5.xml><?xml version="1.0" encoding="utf-8"?>
<ds:datastoreItem xmlns:ds="http://schemas.openxmlformats.org/officeDocument/2006/customXml" ds:itemID="{F06906CE-14C6-4976-BFAB-E0341E2FFF69}">
  <ds:schemaRefs/>
</ds:datastoreItem>
</file>

<file path=customXml/itemProps6.xml><?xml version="1.0" encoding="utf-8"?>
<ds:datastoreItem xmlns:ds="http://schemas.openxmlformats.org/officeDocument/2006/customXml" ds:itemID="{07D4A686-2AC5-474F-ABB4-65E08B1755F6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3167</TotalTime>
  <Words>334</Words>
  <Application>Microsoft Macintosh PowerPoint</Application>
  <PresentationFormat>Widescreen</PresentationFormat>
  <Paragraphs>67</Paragraphs>
  <Slides>17</Slides>
  <Notes>16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2" baseType="lpstr">
      <vt:lpstr>Arial</vt:lpstr>
      <vt:lpstr>Calibri</vt:lpstr>
      <vt:lpstr>Calibri Light</vt:lpstr>
      <vt:lpstr>Segoe UI</vt:lpstr>
      <vt:lpstr>Office Theme</vt:lpstr>
      <vt:lpstr>PowerPoint Presentation</vt:lpstr>
      <vt:lpstr>whoami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rond Jakob Sjøvang</dc:creator>
  <cp:lastModifiedBy>Trond Jakob Sjøvang</cp:lastModifiedBy>
  <cp:revision>6</cp:revision>
  <dcterms:created xsi:type="dcterms:W3CDTF">2022-12-04T12:25:17Z</dcterms:created>
  <dcterms:modified xsi:type="dcterms:W3CDTF">2023-04-14T07:52:2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lassificationContentMarkingFooterLocations">
    <vt:lpwstr>Office Theme:8</vt:lpwstr>
  </property>
  <property fmtid="{D5CDD505-2E9C-101B-9397-08002B2CF9AE}" pid="3" name="ClassificationContentMarkingFooterText">
    <vt:lpwstr>Sensitivity: Internal</vt:lpwstr>
  </property>
  <property fmtid="{D5CDD505-2E9C-101B-9397-08002B2CF9AE}" pid="4" name="MSIP_Label_5af4f1a9-ae13-4e26-ac6c-11f4c8a2f064_Enabled">
    <vt:lpwstr>true</vt:lpwstr>
  </property>
  <property fmtid="{D5CDD505-2E9C-101B-9397-08002B2CF9AE}" pid="5" name="MSIP_Label_5af4f1a9-ae13-4e26-ac6c-11f4c8a2f064_SetDate">
    <vt:lpwstr>2023-04-13T08:24:06Z</vt:lpwstr>
  </property>
  <property fmtid="{D5CDD505-2E9C-101B-9397-08002B2CF9AE}" pid="6" name="MSIP_Label_5af4f1a9-ae13-4e26-ac6c-11f4c8a2f064_Method">
    <vt:lpwstr>Privileged</vt:lpwstr>
  </property>
  <property fmtid="{D5CDD505-2E9C-101B-9397-08002B2CF9AE}" pid="7" name="MSIP_Label_5af4f1a9-ae13-4e26-ac6c-11f4c8a2f064_Name">
    <vt:lpwstr>5af4f1a9-ae13-4e26-ac6c-11f4c8a2f064</vt:lpwstr>
  </property>
  <property fmtid="{D5CDD505-2E9C-101B-9397-08002B2CF9AE}" pid="8" name="MSIP_Label_5af4f1a9-ae13-4e26-ac6c-11f4c8a2f064_SiteId">
    <vt:lpwstr>65f51067-7d65-4aa9-b996-4cc43a0d7111</vt:lpwstr>
  </property>
  <property fmtid="{D5CDD505-2E9C-101B-9397-08002B2CF9AE}" pid="9" name="MSIP_Label_5af4f1a9-ae13-4e26-ac6c-11f4c8a2f064_ActionId">
    <vt:lpwstr>2d627dd9-c750-4eb5-973b-4f0e45788be3</vt:lpwstr>
  </property>
  <property fmtid="{D5CDD505-2E9C-101B-9397-08002B2CF9AE}" pid="10" name="MSIP_Label_5af4f1a9-ae13-4e26-ac6c-11f4c8a2f064_ContentBits">
    <vt:lpwstr>0</vt:lpwstr>
  </property>
</Properties>
</file>